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heme/theme2.xml" ContentType="application/vnd.openxmlformats-officedocument.theme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theme/theme3.xml" ContentType="application/vnd.openxmlformats-officedocument.theme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theme/theme4.xml" ContentType="application/vnd.openxmlformats-officedocument.theme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theme/theme5.xml" ContentType="application/vnd.openxmlformats-officedocument.theme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theme/theme6.xml" ContentType="application/vnd.openxmlformats-officedocument.theme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theme/theme7.xml" ContentType="application/vnd.openxmlformats-officedocument.theme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theme/theme8.xml" ContentType="application/vnd.openxmlformats-officedocument.theme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theme/theme9.xml" ContentType="application/vnd.openxmlformats-officedocument.theme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theme/theme10.xml" ContentType="application/vnd.openxmlformats-officedocument.theme+xml"/>
  <Override PartName="/ppt/theme/theme11.xml" ContentType="application/vnd.openxmlformats-officedocument.theme+xml"/>
  <Override PartName="/ppt/theme/theme1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750" r:id="rId5"/>
    <p:sldMasterId id="2147483767" r:id="rId6"/>
    <p:sldMasterId id="2147483662" r:id="rId7"/>
    <p:sldMasterId id="2147483672" r:id="rId8"/>
    <p:sldMasterId id="2147483680" r:id="rId9"/>
    <p:sldMasterId id="2147483706" r:id="rId10"/>
    <p:sldMasterId id="2147483794" r:id="rId11"/>
    <p:sldMasterId id="2147483814" r:id="rId12"/>
    <p:sldMasterId id="2147483829" r:id="rId13"/>
  </p:sldMasterIdLst>
  <p:notesMasterIdLst>
    <p:notesMasterId r:id="rId30"/>
  </p:notesMasterIdLst>
  <p:handoutMasterIdLst>
    <p:handoutMasterId r:id="rId31"/>
  </p:handoutMasterIdLst>
  <p:sldIdLst>
    <p:sldId id="272" r:id="rId14"/>
    <p:sldId id="3848" r:id="rId15"/>
    <p:sldId id="391" r:id="rId16"/>
    <p:sldId id="3846" r:id="rId17"/>
    <p:sldId id="395" r:id="rId18"/>
    <p:sldId id="399" r:id="rId19"/>
    <p:sldId id="3850" r:id="rId20"/>
    <p:sldId id="397" r:id="rId21"/>
    <p:sldId id="290" r:id="rId22"/>
    <p:sldId id="3847" r:id="rId23"/>
    <p:sldId id="3851" r:id="rId24"/>
    <p:sldId id="284" r:id="rId25"/>
    <p:sldId id="296" r:id="rId26"/>
    <p:sldId id="392" r:id="rId27"/>
    <p:sldId id="268" r:id="rId28"/>
    <p:sldId id="271" r:id="rId29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3DAFF"/>
    <a:srgbClr val="C89B14"/>
    <a:srgbClr val="FF0000"/>
    <a:srgbClr val="65FFFF"/>
    <a:srgbClr val="00BD72"/>
    <a:srgbClr val="003C65"/>
    <a:srgbClr val="FFFFFF"/>
    <a:srgbClr val="C8F9E6"/>
    <a:srgbClr val="E7AFAD"/>
    <a:srgbClr val="BE3C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838" autoAdjust="0"/>
    <p:restoredTop sz="82374" autoAdjust="0"/>
  </p:normalViewPr>
  <p:slideViewPr>
    <p:cSldViewPr snapToGrid="0">
      <p:cViewPr varScale="1">
        <p:scale>
          <a:sx n="92" d="100"/>
          <a:sy n="92" d="100"/>
        </p:scale>
        <p:origin x="1320" y="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5.xml"/><Relationship Id="rId13" Type="http://schemas.openxmlformats.org/officeDocument/2006/relationships/slideMaster" Target="slideMasters/slideMaster10.xml"/><Relationship Id="rId18" Type="http://schemas.openxmlformats.org/officeDocument/2006/relationships/slide" Target="slides/slide5.xml"/><Relationship Id="rId26" Type="http://schemas.openxmlformats.org/officeDocument/2006/relationships/slide" Target="slides/slide13.xml"/><Relationship Id="rId3" Type="http://schemas.openxmlformats.org/officeDocument/2006/relationships/customXml" Target="../customXml/item3.xml"/><Relationship Id="rId21" Type="http://schemas.openxmlformats.org/officeDocument/2006/relationships/slide" Target="slides/slide8.xml"/><Relationship Id="rId34" Type="http://schemas.openxmlformats.org/officeDocument/2006/relationships/theme" Target="theme/theme1.xml"/><Relationship Id="rId7" Type="http://schemas.openxmlformats.org/officeDocument/2006/relationships/slideMaster" Target="slideMasters/slideMaster4.xml"/><Relationship Id="rId12" Type="http://schemas.openxmlformats.org/officeDocument/2006/relationships/slideMaster" Target="slideMasters/slideMaster9.xml"/><Relationship Id="rId17" Type="http://schemas.openxmlformats.org/officeDocument/2006/relationships/slide" Target="slides/slide4.xml"/><Relationship Id="rId25" Type="http://schemas.openxmlformats.org/officeDocument/2006/relationships/slide" Target="slides/slide12.xml"/><Relationship Id="rId33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3.xml"/><Relationship Id="rId20" Type="http://schemas.openxmlformats.org/officeDocument/2006/relationships/slide" Target="slides/slide7.xml"/><Relationship Id="rId29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Master" Target="slideMasters/slideMaster8.xml"/><Relationship Id="rId24" Type="http://schemas.openxmlformats.org/officeDocument/2006/relationships/slide" Target="slides/slide11.xml"/><Relationship Id="rId32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2.xml"/><Relationship Id="rId23" Type="http://schemas.openxmlformats.org/officeDocument/2006/relationships/slide" Target="slides/slide10.xml"/><Relationship Id="rId28" Type="http://schemas.openxmlformats.org/officeDocument/2006/relationships/slide" Target="slides/slide15.xml"/><Relationship Id="rId36" Type="http://schemas.microsoft.com/office/2016/11/relationships/changesInfo" Target="changesInfos/changesInfo1.xml"/><Relationship Id="rId10" Type="http://schemas.openxmlformats.org/officeDocument/2006/relationships/slideMaster" Target="slideMasters/slideMaster7.xml"/><Relationship Id="rId19" Type="http://schemas.openxmlformats.org/officeDocument/2006/relationships/slide" Target="slides/slide6.xml"/><Relationship Id="rId31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" Target="slides/slide1.xml"/><Relationship Id="rId22" Type="http://schemas.openxmlformats.org/officeDocument/2006/relationships/slide" Target="slides/slide9.xml"/><Relationship Id="rId27" Type="http://schemas.openxmlformats.org/officeDocument/2006/relationships/slide" Target="slides/slide14.xml"/><Relationship Id="rId30" Type="http://schemas.openxmlformats.org/officeDocument/2006/relationships/notesMaster" Target="notesMasters/notesMaster1.xml"/><Relationship Id="rId35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Stefan Jaehnert" userId="effb5e71-117d-4794-a30f-2faafb1b7ceb" providerId="ADAL" clId="{F1923671-21EC-4BA0-8150-A3CFA41F16F6}"/>
    <pc:docChg chg="custSel delSld modSld">
      <pc:chgData name="Stefan Jaehnert" userId="effb5e71-117d-4794-a30f-2faafb1b7ceb" providerId="ADAL" clId="{F1923671-21EC-4BA0-8150-A3CFA41F16F6}" dt="2022-04-24T20:55:02.567" v="75" actId="20577"/>
      <pc:docMkLst>
        <pc:docMk/>
      </pc:docMkLst>
      <pc:sldChg chg="del">
        <pc:chgData name="Stefan Jaehnert" userId="effb5e71-117d-4794-a30f-2faafb1b7ceb" providerId="ADAL" clId="{F1923671-21EC-4BA0-8150-A3CFA41F16F6}" dt="2022-04-24T20:45:02.407" v="0" actId="47"/>
        <pc:sldMkLst>
          <pc:docMk/>
          <pc:sldMk cId="227448282" sldId="291"/>
        </pc:sldMkLst>
      </pc:sldChg>
      <pc:sldChg chg="del">
        <pc:chgData name="Stefan Jaehnert" userId="effb5e71-117d-4794-a30f-2faafb1b7ceb" providerId="ADAL" clId="{F1923671-21EC-4BA0-8150-A3CFA41F16F6}" dt="2022-04-24T20:45:02.407" v="0" actId="47"/>
        <pc:sldMkLst>
          <pc:docMk/>
          <pc:sldMk cId="3890301014" sldId="292"/>
        </pc:sldMkLst>
      </pc:sldChg>
      <pc:sldChg chg="del">
        <pc:chgData name="Stefan Jaehnert" userId="effb5e71-117d-4794-a30f-2faafb1b7ceb" providerId="ADAL" clId="{F1923671-21EC-4BA0-8150-A3CFA41F16F6}" dt="2022-04-24T20:45:02.407" v="0" actId="47"/>
        <pc:sldMkLst>
          <pc:docMk/>
          <pc:sldMk cId="0" sldId="390"/>
        </pc:sldMkLst>
      </pc:sldChg>
      <pc:sldChg chg="modNotesTx">
        <pc:chgData name="Stefan Jaehnert" userId="effb5e71-117d-4794-a30f-2faafb1b7ceb" providerId="ADAL" clId="{F1923671-21EC-4BA0-8150-A3CFA41F16F6}" dt="2022-04-24T20:46:39.538" v="1" actId="6549"/>
        <pc:sldMkLst>
          <pc:docMk/>
          <pc:sldMk cId="3423193871" sldId="391"/>
        </pc:sldMkLst>
      </pc:sldChg>
      <pc:sldChg chg="del">
        <pc:chgData name="Stefan Jaehnert" userId="effb5e71-117d-4794-a30f-2faafb1b7ceb" providerId="ADAL" clId="{F1923671-21EC-4BA0-8150-A3CFA41F16F6}" dt="2022-04-24T20:45:02.407" v="0" actId="47"/>
        <pc:sldMkLst>
          <pc:docMk/>
          <pc:sldMk cId="3445396689" sldId="396"/>
        </pc:sldMkLst>
      </pc:sldChg>
      <pc:sldChg chg="modSp mod">
        <pc:chgData name="Stefan Jaehnert" userId="effb5e71-117d-4794-a30f-2faafb1b7ceb" providerId="ADAL" clId="{F1923671-21EC-4BA0-8150-A3CFA41F16F6}" dt="2022-04-24T20:49:01.473" v="45" actId="1076"/>
        <pc:sldMkLst>
          <pc:docMk/>
          <pc:sldMk cId="1583352750" sldId="397"/>
        </pc:sldMkLst>
        <pc:spChg chg="mod">
          <ac:chgData name="Stefan Jaehnert" userId="effb5e71-117d-4794-a30f-2faafb1b7ceb" providerId="ADAL" clId="{F1923671-21EC-4BA0-8150-A3CFA41F16F6}" dt="2022-04-24T20:49:01.473" v="45" actId="1076"/>
          <ac:spMkLst>
            <pc:docMk/>
            <pc:sldMk cId="1583352750" sldId="397"/>
            <ac:spMk id="2" creationId="{501E55CB-DC13-410A-958D-60537CE74CDB}"/>
          </ac:spMkLst>
        </pc:spChg>
        <pc:spChg chg="mod">
          <ac:chgData name="Stefan Jaehnert" userId="effb5e71-117d-4794-a30f-2faafb1b7ceb" providerId="ADAL" clId="{F1923671-21EC-4BA0-8150-A3CFA41F16F6}" dt="2022-04-24T20:49:01.473" v="45" actId="1076"/>
          <ac:spMkLst>
            <pc:docMk/>
            <pc:sldMk cId="1583352750" sldId="397"/>
            <ac:spMk id="3" creationId="{DA43FE11-5444-452D-BB93-B945C0E1F8C0}"/>
          </ac:spMkLst>
        </pc:spChg>
        <pc:spChg chg="mod">
          <ac:chgData name="Stefan Jaehnert" userId="effb5e71-117d-4794-a30f-2faafb1b7ceb" providerId="ADAL" clId="{F1923671-21EC-4BA0-8150-A3CFA41F16F6}" dt="2022-04-24T20:48:35.806" v="44" actId="27636"/>
          <ac:spMkLst>
            <pc:docMk/>
            <pc:sldMk cId="1583352750" sldId="397"/>
            <ac:spMk id="6" creationId="{CEB13515-121F-4869-8238-170630989F5E}"/>
          </ac:spMkLst>
        </pc:spChg>
      </pc:sldChg>
      <pc:sldChg chg="modNotesTx">
        <pc:chgData name="Stefan Jaehnert" userId="effb5e71-117d-4794-a30f-2faafb1b7ceb" providerId="ADAL" clId="{F1923671-21EC-4BA0-8150-A3CFA41F16F6}" dt="2022-04-24T20:46:45.188" v="3" actId="20577"/>
        <pc:sldMkLst>
          <pc:docMk/>
          <pc:sldMk cId="282386436" sldId="3846"/>
        </pc:sldMkLst>
      </pc:sldChg>
      <pc:sldChg chg="del">
        <pc:chgData name="Stefan Jaehnert" userId="effb5e71-117d-4794-a30f-2faafb1b7ceb" providerId="ADAL" clId="{F1923671-21EC-4BA0-8150-A3CFA41F16F6}" dt="2022-04-24T20:45:02.407" v="0" actId="47"/>
        <pc:sldMkLst>
          <pc:docMk/>
          <pc:sldMk cId="3442355434" sldId="3849"/>
        </pc:sldMkLst>
      </pc:sldChg>
      <pc:sldChg chg="modSp mod">
        <pc:chgData name="Stefan Jaehnert" userId="effb5e71-117d-4794-a30f-2faafb1b7ceb" providerId="ADAL" clId="{F1923671-21EC-4BA0-8150-A3CFA41F16F6}" dt="2022-04-24T20:55:02.567" v="75" actId="20577"/>
        <pc:sldMkLst>
          <pc:docMk/>
          <pc:sldMk cId="397416112" sldId="3851"/>
        </pc:sldMkLst>
        <pc:spChg chg="mod">
          <ac:chgData name="Stefan Jaehnert" userId="effb5e71-117d-4794-a30f-2faafb1b7ceb" providerId="ADAL" clId="{F1923671-21EC-4BA0-8150-A3CFA41F16F6}" dt="2022-04-24T20:53:19.339" v="51" actId="20577"/>
          <ac:spMkLst>
            <pc:docMk/>
            <pc:sldMk cId="397416112" sldId="3851"/>
            <ac:spMk id="3" creationId="{E5A87DA9-64E0-4954-AD06-9DC299575EC9}"/>
          </ac:spMkLst>
        </pc:spChg>
        <pc:spChg chg="mod">
          <ac:chgData name="Stefan Jaehnert" userId="effb5e71-117d-4794-a30f-2faafb1b7ceb" providerId="ADAL" clId="{F1923671-21EC-4BA0-8150-A3CFA41F16F6}" dt="2022-04-24T20:55:02.567" v="75" actId="20577"/>
          <ac:spMkLst>
            <pc:docMk/>
            <pc:sldMk cId="397416112" sldId="3851"/>
            <ac:spMk id="5" creationId="{8C1D6471-F178-4500-9A98-118CA0992DAA}"/>
          </ac:spMkLst>
        </pc:spChg>
      </pc:sldChg>
      <pc:sldMasterChg chg="delSldLayout">
        <pc:chgData name="Stefan Jaehnert" userId="effb5e71-117d-4794-a30f-2faafb1b7ceb" providerId="ADAL" clId="{F1923671-21EC-4BA0-8150-A3CFA41F16F6}" dt="2022-04-24T20:45:02.407" v="0" actId="47"/>
        <pc:sldMasterMkLst>
          <pc:docMk/>
          <pc:sldMasterMk cId="2664772389" sldId="2147483794"/>
        </pc:sldMasterMkLst>
        <pc:sldLayoutChg chg="del">
          <pc:chgData name="Stefan Jaehnert" userId="effb5e71-117d-4794-a30f-2faafb1b7ceb" providerId="ADAL" clId="{F1923671-21EC-4BA0-8150-A3CFA41F16F6}" dt="2022-04-24T20:45:02.407" v="0" actId="47"/>
          <pc:sldLayoutMkLst>
            <pc:docMk/>
            <pc:sldMasterMk cId="2664772389" sldId="2147483794"/>
            <pc:sldLayoutMk cId="520981705" sldId="2147483812"/>
          </pc:sldLayoutMkLst>
        </pc:sldLayoutChg>
        <pc:sldLayoutChg chg="del">
          <pc:chgData name="Stefan Jaehnert" userId="effb5e71-117d-4794-a30f-2faafb1b7ceb" providerId="ADAL" clId="{F1923671-21EC-4BA0-8150-A3CFA41F16F6}" dt="2022-04-24T20:45:02.407" v="0" actId="47"/>
          <pc:sldLayoutMkLst>
            <pc:docMk/>
            <pc:sldMasterMk cId="2664772389" sldId="2147483794"/>
            <pc:sldLayoutMk cId="1494242975" sldId="2147483813"/>
          </pc:sldLayoutMkLst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2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24.04.2022</a:t>
            </a:fld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24.04.2022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88991594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Til det har jeg tenkt å adressere disse spørsmå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97193940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I teorien ser kraftmarked og markedskryss sånn ut, med en etterspørsel og produksjon. Hvor de krysser får vi prisen.</a:t>
            </a:r>
          </a:p>
          <a:p>
            <a:endParaRPr lang="nb-NO" dirty="0"/>
          </a:p>
          <a:p>
            <a:r>
              <a:rPr lang="nb-NO" dirty="0"/>
              <a:t>Mette kommer tilbake til det i litt mer detalj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8939636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I realiteten er det ikke så fine linjer og de er ikke så flat og stabil.</a:t>
            </a:r>
          </a:p>
          <a:p>
            <a:endParaRPr lang="nb-NO" dirty="0"/>
          </a:p>
          <a:p>
            <a:r>
              <a:rPr lang="nb-NO" dirty="0"/>
              <a:t>Deler av tilbudskurve er vind-, kjernekraft, en del gasskraft i Danmark, men den største delen er vannkraft. Da ser vi at den varier betydelig fra tørt år til våt år.</a:t>
            </a:r>
          </a:p>
          <a:p>
            <a:endParaRPr lang="nb-NO" dirty="0"/>
          </a:p>
          <a:p>
            <a:r>
              <a:rPr lang="nb-NO" dirty="0"/>
              <a:t>I tillegg er det ganske stor variasjon i etterspørsel</a:t>
            </a:r>
          </a:p>
          <a:p>
            <a:endParaRPr lang="nb-NO" dirty="0"/>
          </a:p>
          <a:p>
            <a:r>
              <a:rPr lang="nb-NO" dirty="0"/>
              <a:t>Så vi ser markedskryssene kan variere mye og spesiell når man kommer i en anspent situasjon i bratte delen av kurven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396141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1996, 2003, 2004, 2010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6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891834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Vannmetoden utviklet siden 1950 tallet, først i Sverige og etterpå i Norg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65180591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6.xml"/></Relationships>
</file>

<file path=ppt/slideLayouts/_rels/slideLayout10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0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0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0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0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0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0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7.xml"/></Relationships>
</file>

<file path=ppt/slideLayouts/_rels/slideLayout10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8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8.xml"/></Relationships>
</file>

<file path=ppt/slideLayouts/_rels/slideLayout1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8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8.xml"/></Relationships>
</file>

<file path=ppt/slideLayouts/_rels/slideLayout1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9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9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9.xml"/></Relationships>
</file>

<file path=ppt/slideLayouts/_rels/slideLayout1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9.xml"/><Relationship Id="rId5" Type="http://schemas.openxmlformats.org/officeDocument/2006/relationships/image" Target="../media/image14.png"/><Relationship Id="rId4" Type="http://schemas.openxmlformats.org/officeDocument/2006/relationships/image" Target="../media/image12.png"/></Relationships>
</file>

<file path=ppt/slideLayouts/_rels/slideLayout1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9.xml"/><Relationship Id="rId4" Type="http://schemas.openxmlformats.org/officeDocument/2006/relationships/image" Target="../media/image14.png"/></Relationships>
</file>

<file path=ppt/slideLayouts/_rels/slideLayout1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0.xml"/></Relationships>
</file>

<file path=ppt/slideLayouts/_rels/slideLayout1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0.xml"/></Relationships>
</file>

<file path=ppt/slideLayouts/_rels/slideLayout1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0.xml"/></Relationships>
</file>

<file path=ppt/slideLayouts/_rels/slideLayout1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0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0.xml"/></Relationships>
</file>

<file path=ppt/slideLayouts/_rels/slideLayout1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5.xml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5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5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/Relationships>
</file>

<file path=ppt/slideLayouts/_rels/slideLayout8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6.xml"/></Relationships>
</file>

<file path=ppt/slideLayouts/_rels/slideLayout8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6.xml"/></Relationships>
</file>

<file path=ppt/slideLayouts/_rels/slideLayout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6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585063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B5E9D0-5AD0-4620-898F-B8CBAD3BCB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376239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2" name="Slide Number Placeholder 5">
            <a:extLst>
              <a:ext uri="{FF2B5EF4-FFF2-40B4-BE49-F238E27FC236}">
                <a16:creationId xmlns:a16="http://schemas.microsoft.com/office/drawing/2014/main" id="{2B10A327-405D-42CA-9F67-2AF8ABA213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263823113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sz="390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09097215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585063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B5E9D0-5AD0-4620-898F-B8CBAD3BCB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0591732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1E09ED89-26A1-4FE1-A40F-EB42F632CD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54535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BA452CE-6521-4710-BBBF-4AE21A3DDE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953455486"/>
      </p:ext>
    </p:extLst>
  </p:cSld>
  <p:clrMapOvr>
    <a:masterClrMapping/>
  </p:clrMapOvr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/>
          <a:p>
            <a:r>
              <a:rPr lang="en-US"/>
              <a:t>Click icon to add media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54535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83E9D99F-0012-4E73-A817-39C3B2316B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1532624172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11591462"/>
      </p:ext>
    </p:extLst>
  </p:cSld>
  <p:clrMapOvr>
    <a:masterClrMapping/>
  </p:clrMapOvr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5C7DF1C5-A62B-48F2-8482-9AFA5987E9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109806142"/>
      </p:ext>
    </p:extLst>
  </p:cSld>
  <p:clrMapOvr>
    <a:masterClrMapping/>
  </p:clrMapOvr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55B705F1-BD8F-4927-980D-9E3C23775A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02899700"/>
      </p:ext>
    </p:extLst>
  </p:cSld>
  <p:clrMapOvr>
    <a:masterClrMapping/>
  </p:clrMapOvr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0E0D9193-69AD-43FB-9918-A2B2914589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94840118"/>
      </p:ext>
    </p:extLst>
  </p:cSld>
  <p:clrMapOvr>
    <a:masterClrMapping/>
  </p:clrMapOvr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Slide Number Placeholder 5">
            <a:extLst>
              <a:ext uri="{FF2B5EF4-FFF2-40B4-BE49-F238E27FC236}">
                <a16:creationId xmlns:a16="http://schemas.microsoft.com/office/drawing/2014/main" id="{C4B1CCD6-DE24-4885-B377-F22C82601B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83929936"/>
      </p:ext>
    </p:extLst>
  </p:cSld>
  <p:clrMapOvr>
    <a:masterClrMapping/>
  </p:clrMapOvr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BC6E86D0-4AE7-46BC-A435-E79A60A5FA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98223118"/>
      </p:ext>
    </p:extLst>
  </p:cSld>
  <p:clrMapOvr>
    <a:masterClrMapping/>
  </p:clrMapOvr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2" name="Slide Number Placeholder 5">
            <a:extLst>
              <a:ext uri="{FF2B5EF4-FFF2-40B4-BE49-F238E27FC236}">
                <a16:creationId xmlns:a16="http://schemas.microsoft.com/office/drawing/2014/main" id="{2B10A327-405D-42CA-9F67-2AF8ABA213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69318291"/>
      </p:ext>
    </p:extLst>
  </p:cSld>
  <p:clrMapOvr>
    <a:masterClrMapping/>
  </p:clrMapOvr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1E09ED89-26A1-4FE1-A40F-EB42F632CD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9221182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2" name="Slide Number Placeholder 5">
            <a:extLst>
              <a:ext uri="{FF2B5EF4-FFF2-40B4-BE49-F238E27FC236}">
                <a16:creationId xmlns:a16="http://schemas.microsoft.com/office/drawing/2014/main" id="{15589A20-B34D-47F9-883F-6C734E90FE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2" name="Slide Number Placeholder 5">
            <a:extLst>
              <a:ext uri="{FF2B5EF4-FFF2-40B4-BE49-F238E27FC236}">
                <a16:creationId xmlns:a16="http://schemas.microsoft.com/office/drawing/2014/main" id="{15589A20-B34D-47F9-883F-6C734E90FE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41371364"/>
      </p:ext>
    </p:extLst>
  </p:cSld>
  <p:clrMapOvr>
    <a:masterClrMapping/>
  </p:clrMapOvr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61A31FA8-45E7-4F21-920C-1CD45F20D7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551577774"/>
      </p:ext>
    </p:extLst>
  </p:cSld>
  <p:clrMapOvr>
    <a:masterClrMapping/>
  </p:clrMapOvr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61A31FA8-45E7-4F21-920C-1CD45F20D7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663997070"/>
      </p:ext>
    </p:extLst>
  </p:cSld>
  <p:clrMapOvr>
    <a:masterClrMapping/>
  </p:clrMapOvr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19E40C-11F9-4CC9-A0F5-A28346A4DD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30475434"/>
      </p:ext>
    </p:extLst>
  </p:cSld>
  <p:clrMapOvr>
    <a:masterClrMapping/>
  </p:clrMapOvr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4251770"/>
      </p:ext>
    </p:extLst>
  </p:cSld>
  <p:clrMapOvr>
    <a:masterClrMapping/>
  </p:clrMapOvr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sz="390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2842611"/>
      </p:ext>
    </p:extLst>
  </p:cSld>
  <p:clrMapOvr>
    <a:masterClrMapping/>
  </p:clrMapOvr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ssholder for bilde 9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895584 w 12192000"/>
              <a:gd name="connsiteY1" fmla="*/ 0 h 6858000"/>
              <a:gd name="connsiteX2" fmla="*/ 895584 w 12192000"/>
              <a:gd name="connsiteY2" fmla="*/ 1800225 h 6858000"/>
              <a:gd name="connsiteX3" fmla="*/ 2515892 w 12192000"/>
              <a:gd name="connsiteY3" fmla="*/ 1800225 h 6858000"/>
              <a:gd name="connsiteX4" fmla="*/ 2515892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895584" y="0"/>
                </a:lnTo>
                <a:lnTo>
                  <a:pt x="895584" y="1800225"/>
                </a:lnTo>
                <a:lnTo>
                  <a:pt x="2515892" y="1800225"/>
                </a:lnTo>
                <a:lnTo>
                  <a:pt x="2515892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 dpi="0"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</p:spPr>
        <p:txBody>
          <a:bodyPr wrap="square" tIns="720000" anchor="t" anchorCtr="1">
            <a:noAutofit/>
          </a:bodyPr>
          <a:lstStyle>
            <a:lvl1pPr marL="180036" marR="0" indent="0" algn="ctr" defTabSz="914537" rtl="0" eaLnBrk="1" fontAlgn="auto" latinLnBrk="0" hangingPunct="1">
              <a:lnSpc>
                <a:spcPct val="11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/>
              <a:t>Sett inn </a:t>
            </a:r>
            <a:r>
              <a:rPr lang="en-GB" err="1"/>
              <a:t>bilde</a:t>
            </a:r>
            <a:r>
              <a:rPr lang="en-GB"/>
              <a:t> </a:t>
            </a:r>
            <a:r>
              <a:rPr lang="en-GB" err="1"/>
              <a:t>fra</a:t>
            </a:r>
            <a:r>
              <a:rPr lang="en-GB"/>
              <a:t> </a:t>
            </a:r>
            <a:r>
              <a:rPr lang="en-GB" err="1"/>
              <a:t>menyen</a:t>
            </a:r>
            <a:r>
              <a:rPr lang="en-GB"/>
              <a:t>:</a:t>
            </a:r>
            <a:br>
              <a:rPr lang="en-GB"/>
            </a:br>
            <a:r>
              <a:rPr lang="en-GB"/>
              <a:t>“Sett inn/insert” -&gt; “</a:t>
            </a:r>
            <a:r>
              <a:rPr lang="en-GB" err="1"/>
              <a:t>Bilde</a:t>
            </a:r>
            <a:r>
              <a:rPr lang="en-GB"/>
              <a:t>/Picture”</a:t>
            </a:r>
          </a:p>
        </p:txBody>
      </p:sp>
      <p:pic>
        <p:nvPicPr>
          <p:cNvPr id="5" name="Bilde 4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5230" y="1080136"/>
            <a:ext cx="981013" cy="214063"/>
          </a:xfrm>
          <a:prstGeom prst="rect">
            <a:avLst/>
          </a:prstGeom>
        </p:spPr>
      </p:pic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4407696" y="2879206"/>
            <a:ext cx="6769286" cy="3181610"/>
          </a:xfrm>
          <a:solidFill>
            <a:srgbClr val="FFFFFF">
              <a:alpha val="85098"/>
            </a:srgbClr>
          </a:solidFill>
        </p:spPr>
        <p:txBody>
          <a:bodyPr lIns="360072" tIns="360072" rIns="360072" bIns="1404281" anchor="b">
            <a:spAutoFit/>
          </a:bodyPr>
          <a:lstStyle>
            <a:lvl1pPr marL="0" indent="0" algn="l">
              <a:buFont typeface="Arial" panose="020B0604020202020204" pitchFamily="34" charset="0"/>
              <a:buNone/>
              <a:defRPr sz="4600" cap="all" normalizeH="0" baseline="0">
                <a:solidFill>
                  <a:schemeClr val="dk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3" name="noColor"/>
          <p:cNvSpPr/>
          <p:nvPr userDrawn="1"/>
        </p:nvSpPr>
        <p:spPr>
          <a:xfrm>
            <a:off x="161376" y="188260"/>
            <a:ext cx="142498" cy="8964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9" tIns="22865" rIns="45729" bIns="22865" rtlCol="0" anchor="ctr"/>
          <a:lstStyle/>
          <a:p>
            <a:pPr algn="ctr"/>
            <a:endParaRPr lang="en-GB" sz="1799"/>
          </a:p>
        </p:txBody>
      </p:sp>
      <p:sp>
        <p:nvSpPr>
          <p:cNvPr id="16" name="Rektangel 15"/>
          <p:cNvSpPr/>
          <p:nvPr userDrawn="1"/>
        </p:nvSpPr>
        <p:spPr>
          <a:xfrm>
            <a:off x="896512" y="-1"/>
            <a:ext cx="1623803" cy="1803826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9" tIns="22865" rIns="45729" bIns="22865" rtlCol="0" anchor="ctr"/>
          <a:lstStyle/>
          <a:p>
            <a:pPr algn="ctr"/>
            <a:endParaRPr lang="en-GB" sz="1799"/>
          </a:p>
        </p:txBody>
      </p:sp>
      <p:pic>
        <p:nvPicPr>
          <p:cNvPr id="17" name="Bilde 16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1765" y="1080135"/>
            <a:ext cx="989890" cy="216000"/>
          </a:xfrm>
          <a:prstGeom prst="rect">
            <a:avLst/>
          </a:prstGeom>
        </p:spPr>
      </p:pic>
      <p:sp>
        <p:nvSpPr>
          <p:cNvPr id="7" name="Plassholder for tekst 6"/>
          <p:cNvSpPr>
            <a:spLocks noGrp="1"/>
          </p:cNvSpPr>
          <p:nvPr>
            <p:ph type="body" sz="quarter" idx="13" hasCustomPrompt="1"/>
          </p:nvPr>
        </p:nvSpPr>
        <p:spPr>
          <a:xfrm>
            <a:off x="4818166" y="5178320"/>
            <a:ext cx="3871913" cy="656334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1000"/>
              </a:spcAft>
              <a:buNone/>
              <a:defRPr sz="1600">
                <a:solidFill>
                  <a:schemeClr val="accent2"/>
                </a:solidFill>
              </a:defRPr>
            </a:lvl1pPr>
          </a:lstStyle>
          <a:p>
            <a:pPr lvl="0"/>
            <a:r>
              <a:rPr lang="nb-NO"/>
              <a:t>Ola Nordmann</a:t>
            </a:r>
          </a:p>
          <a:p>
            <a:pPr lvl="0"/>
            <a:r>
              <a:rPr lang="nb-NO" err="1"/>
              <a:t>Month</a:t>
            </a:r>
            <a:r>
              <a:rPr lang="nb-NO"/>
              <a:t> 2016</a:t>
            </a:r>
          </a:p>
        </p:txBody>
      </p:sp>
    </p:spTree>
    <p:extLst>
      <p:ext uri="{BB962C8B-B14F-4D97-AF65-F5344CB8AC3E}">
        <p14:creationId xmlns:p14="http://schemas.microsoft.com/office/powerpoint/2010/main" val="1511698988"/>
      </p:ext>
    </p:extLst>
  </p:cSld>
  <p:clrMapOvr>
    <a:masterClrMapping/>
  </p:clrMapOvr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4" name="Plassholder for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Month 2016</a:t>
            </a:r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51DFAA-887F-4071-8EAD-E8CA316FCF06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65052292"/>
      </p:ext>
    </p:extLst>
  </p:cSld>
  <p:clrMapOvr>
    <a:masterClrMapping/>
  </p:clrMapOvr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lysbilde uten bakgrun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ktangel 3"/>
          <p:cNvSpPr/>
          <p:nvPr userDrawn="1"/>
        </p:nvSpPr>
        <p:spPr>
          <a:xfrm>
            <a:off x="895584" y="0"/>
            <a:ext cx="1620308" cy="1800225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9" tIns="22865" rIns="45729" bIns="22865" rtlCol="0" anchor="ctr"/>
          <a:lstStyle/>
          <a:p>
            <a:pPr algn="ctr"/>
            <a:endParaRPr lang="en-GB" sz="1799"/>
          </a:p>
        </p:txBody>
      </p:sp>
      <p:pic>
        <p:nvPicPr>
          <p:cNvPr id="5" name="Bilde 4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15229" y="1080135"/>
            <a:ext cx="989890" cy="216000"/>
          </a:xfrm>
          <a:prstGeom prst="rect">
            <a:avLst/>
          </a:prstGeom>
        </p:spPr>
      </p:pic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2700176" y="2706389"/>
            <a:ext cx="9360609" cy="1427223"/>
          </a:xfrm>
          <a:solidFill>
            <a:schemeClr val="bg1"/>
          </a:solidFill>
        </p:spPr>
        <p:txBody>
          <a:bodyPr lIns="360072" tIns="360072" rIns="360072" bIns="360072" anchor="ctr" anchorCtr="0">
            <a:spAutoFit/>
          </a:bodyPr>
          <a:lstStyle>
            <a:lvl1pPr marL="0" indent="0" algn="l">
              <a:buFont typeface="Arial" panose="020B0604020202020204" pitchFamily="34" charset="0"/>
              <a:buNone/>
              <a:defRPr sz="4600" cap="none" normalizeH="0" baseline="0">
                <a:solidFill>
                  <a:schemeClr val="dk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3" name="noColor"/>
          <p:cNvSpPr/>
          <p:nvPr userDrawn="1"/>
        </p:nvSpPr>
        <p:spPr>
          <a:xfrm>
            <a:off x="161376" y="188260"/>
            <a:ext cx="142498" cy="8964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9" tIns="22865" rIns="45729" bIns="22865" rtlCol="0" anchor="ctr"/>
          <a:lstStyle/>
          <a:p>
            <a:pPr algn="ctr"/>
            <a:endParaRPr lang="en-GB" sz="1799"/>
          </a:p>
        </p:txBody>
      </p:sp>
      <p:sp>
        <p:nvSpPr>
          <p:cNvPr id="8" name="Plassholder for tekst 7"/>
          <p:cNvSpPr>
            <a:spLocks noGrp="1"/>
          </p:cNvSpPr>
          <p:nvPr>
            <p:ph type="body" sz="quarter" idx="12" hasCustomPrompt="1"/>
          </p:nvPr>
        </p:nvSpPr>
        <p:spPr>
          <a:xfrm>
            <a:off x="2903738" y="5652707"/>
            <a:ext cx="3888486" cy="688522"/>
          </a:xfrm>
        </p:spPr>
        <p:txBody>
          <a:bodyPr/>
          <a:lstStyle>
            <a:lvl1pPr marL="180000" indent="0">
              <a:spcBef>
                <a:spcPts val="0"/>
              </a:spcBef>
              <a:spcAft>
                <a:spcPts val="1000"/>
              </a:spcAft>
              <a:buNone/>
              <a:defRPr sz="1600" baseline="0">
                <a:solidFill>
                  <a:schemeClr val="accent2"/>
                </a:solidFill>
              </a:defRPr>
            </a:lvl1pPr>
          </a:lstStyle>
          <a:p>
            <a:pPr lvl="0"/>
            <a:r>
              <a:rPr lang="nb-NO"/>
              <a:t>Ola Nordmann</a:t>
            </a:r>
          </a:p>
          <a:p>
            <a:pPr lvl="0"/>
            <a:r>
              <a:rPr lang="nb-NO" err="1"/>
              <a:t>Month</a:t>
            </a:r>
            <a:r>
              <a:rPr lang="nb-NO"/>
              <a:t> 2016</a:t>
            </a:r>
          </a:p>
        </p:txBody>
      </p:sp>
    </p:spTree>
    <p:extLst>
      <p:ext uri="{BB962C8B-B14F-4D97-AF65-F5344CB8AC3E}">
        <p14:creationId xmlns:p14="http://schemas.microsoft.com/office/powerpoint/2010/main" val="934075328"/>
      </p:ext>
    </p:extLst>
  </p:cSld>
  <p:clrMapOvr>
    <a:masterClrMapping/>
  </p:clrMapOvr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Del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954182" y="1883324"/>
            <a:ext cx="9001711" cy="3049624"/>
          </a:xfrm>
          <a:noFill/>
        </p:spPr>
        <p:txBody>
          <a:bodyPr tIns="360072" bIns="0" anchor="t">
            <a:normAutofit/>
          </a:bodyPr>
          <a:lstStyle>
            <a:lvl1pPr>
              <a:lnSpc>
                <a:spcPct val="70000"/>
              </a:lnSpc>
              <a:defRPr sz="8100" cap="all" baseline="0"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954182" y="5724716"/>
            <a:ext cx="9001711" cy="506998"/>
          </a:xfrm>
        </p:spPr>
        <p:txBody>
          <a:bodyPr>
            <a:normAutofit/>
          </a:bodyPr>
          <a:lstStyle>
            <a:lvl1pPr marL="0" indent="0">
              <a:spcBef>
                <a:spcPts val="200"/>
              </a:spcBef>
              <a:buNone/>
              <a:defRPr sz="1200">
                <a:solidFill>
                  <a:schemeClr val="accent2"/>
                </a:solidFill>
                <a:latin typeface="+mj-lt"/>
              </a:defRPr>
            </a:lvl1pPr>
            <a:lvl2pPr marL="457268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53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80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907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3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612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88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8148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noColor"/>
          <p:cNvSpPr/>
          <p:nvPr userDrawn="1"/>
        </p:nvSpPr>
        <p:spPr>
          <a:xfrm>
            <a:off x="161376" y="188260"/>
            <a:ext cx="142498" cy="8964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9" tIns="22865" rIns="45729" bIns="22865" rtlCol="0" anchor="ctr"/>
          <a:lstStyle/>
          <a:p>
            <a:pPr algn="ctr"/>
            <a:endParaRPr lang="en-GB" sz="1799"/>
          </a:p>
        </p:txBody>
      </p:sp>
    </p:spTree>
    <p:extLst>
      <p:ext uri="{BB962C8B-B14F-4D97-AF65-F5344CB8AC3E}">
        <p14:creationId xmlns:p14="http://schemas.microsoft.com/office/powerpoint/2010/main" val="187103186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61A31FA8-45E7-4F21-920C-1CD45F20D7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vsidebil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715276" y="2700338"/>
            <a:ext cx="4986948" cy="342042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8" name="Tittel 7"/>
          <p:cNvSpPr>
            <a:spLocks noGrp="1"/>
          </p:cNvSpPr>
          <p:nvPr>
            <p:ph type="title"/>
          </p:nvPr>
        </p:nvSpPr>
        <p:spPr>
          <a:xfrm>
            <a:off x="6715276" y="920493"/>
            <a:ext cx="4986948" cy="1319077"/>
          </a:xfrm>
          <a:blipFill dpi="0" rotWithShape="1">
            <a:blip r:embed="rId2"/>
            <a:srcRect/>
            <a:tile tx="0" ty="0" sx="100000" sy="100000" flip="none" algn="bl"/>
          </a:blipFill>
        </p:spPr>
        <p:txBody>
          <a:bodyPr/>
          <a:lstStyle>
            <a:lvl1pPr>
              <a:lnSpc>
                <a:spcPct val="80000"/>
              </a:lnSpc>
              <a:defRPr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2" name="Plassholder for bilde 1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6099560" cy="6858858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 lIns="0" tIns="2520504" rIns="0" bIns="0" anchor="t" anchorCtr="1"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3" name="Plassholder for dato 2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Month 2016</a:t>
            </a:r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751DFAA-887F-4071-8EAD-E8CA316FCF06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1879577"/>
      </p:ext>
    </p:extLst>
  </p:cSld>
  <p:clrMapOvr>
    <a:masterClrMapping/>
  </p:clrMapOvr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vsidebilde høy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lassholder for bilde 1"/>
          <p:cNvSpPr>
            <a:spLocks noGrp="1"/>
          </p:cNvSpPr>
          <p:nvPr>
            <p:ph type="pic" sz="quarter" idx="13"/>
          </p:nvPr>
        </p:nvSpPr>
        <p:spPr>
          <a:xfrm>
            <a:off x="6092440" y="-858"/>
            <a:ext cx="6099560" cy="6858858"/>
          </a:xfrm>
          <a:prstGeom prst="rect">
            <a:avLst/>
          </a:prstGeom>
          <a:solidFill>
            <a:schemeClr val="bg2">
              <a:lumMod val="50000"/>
            </a:schemeClr>
          </a:solidFill>
        </p:spPr>
        <p:txBody>
          <a:bodyPr lIns="0" tIns="2520504" rIns="0" bIns="0" anchor="t" anchorCtr="1"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954182" y="2700338"/>
            <a:ext cx="4742139" cy="3420428"/>
          </a:xfrm>
        </p:spPr>
        <p:txBody>
          <a:bodyPr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8" name="Tittel 7"/>
          <p:cNvSpPr>
            <a:spLocks noGrp="1"/>
          </p:cNvSpPr>
          <p:nvPr>
            <p:ph type="title"/>
          </p:nvPr>
        </p:nvSpPr>
        <p:spPr>
          <a:xfrm>
            <a:off x="954182" y="920493"/>
            <a:ext cx="4742139" cy="1319077"/>
          </a:xfrm>
          <a:blipFill dpi="0" rotWithShape="1">
            <a:blip r:embed="rId2"/>
            <a:srcRect/>
            <a:tile tx="0" ty="0" sx="100000" sy="100000" flip="none" algn="bl"/>
          </a:blipFill>
        </p:spPr>
        <p:txBody>
          <a:bodyPr/>
          <a:lstStyle>
            <a:lvl1pPr>
              <a:lnSpc>
                <a:spcPct val="80000"/>
              </a:lnSpc>
              <a:defRPr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lassholder for dato 2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Month 2016</a:t>
            </a:r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751DFAA-887F-4071-8EAD-E8CA316FCF06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0" name="smartart"/>
          <p:cNvSpPr>
            <a:spLocks noGrp="1"/>
          </p:cNvSpPr>
          <p:nvPr>
            <p:ph type="dgm" sz="quarter" idx="20" hasCustomPrompt="1"/>
          </p:nvPr>
        </p:nvSpPr>
        <p:spPr>
          <a:xfrm>
            <a:off x="10793052" y="6255782"/>
            <a:ext cx="981186" cy="214227"/>
          </a:xfrm>
          <a:prstGeom prst="rect">
            <a:avLst/>
          </a:prstGeom>
          <a:blipFill>
            <a:blip r:embed="rId3"/>
            <a:stretch>
              <a:fillRect/>
            </a:stretch>
          </a:blipFill>
        </p:spPr>
        <p:txBody>
          <a:bodyPr lIns="0" tIns="0" rIns="0" bIns="0"/>
          <a:lstStyle>
            <a:lvl1pPr marL="0" indent="0">
              <a:buNone/>
              <a:defRPr sz="100" baseline="0"/>
            </a:lvl1pPr>
          </a:lstStyle>
          <a:p>
            <a:r>
              <a:rPr lang="en-GB" sz="100"/>
              <a:t> </a:t>
            </a:r>
            <a:endParaRPr lang="en-GB"/>
          </a:p>
        </p:txBody>
      </p:sp>
      <p:pic>
        <p:nvPicPr>
          <p:cNvPr id="11" name="logo_blaa" hidden="1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93051" y="6255782"/>
            <a:ext cx="981013" cy="214063"/>
          </a:xfrm>
          <a:prstGeom prst="rect">
            <a:avLst/>
          </a:prstGeom>
        </p:spPr>
      </p:pic>
      <p:pic>
        <p:nvPicPr>
          <p:cNvPr id="12" name="logo_hvit" hidden="1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93051" y="6255782"/>
            <a:ext cx="981013" cy="2140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9009271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1193">
          <p15:clr>
            <a:srgbClr val="FBAE40"/>
          </p15:clr>
        </p15:guide>
      </p15:sldGuideLst>
    </p:ext>
  </p:extLst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lassholder for bilde 8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solidFill>
            <a:schemeClr val="bg2">
              <a:lumMod val="50000"/>
            </a:schemeClr>
          </a:solidFill>
        </p:spPr>
        <p:txBody>
          <a:bodyPr tIns="2880576" anchor="t" anchorCtr="1">
            <a:normAutofit/>
          </a:bodyPr>
          <a:lstStyle>
            <a:lvl1pPr marL="0" indent="0">
              <a:buNone/>
              <a:defRPr sz="1500"/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3" name="Plassholder for dato 2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nb-NO"/>
              <a:t>Month 2016</a:t>
            </a:r>
          </a:p>
        </p:txBody>
      </p:sp>
      <p:sp>
        <p:nvSpPr>
          <p:cNvPr id="4" name="Plassholder for bunntekst 3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5" name="Plassholder for lysbildenummer 4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5751DFAA-887F-4071-8EAD-E8CA316FCF06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3" name="smartart"/>
          <p:cNvSpPr>
            <a:spLocks noGrp="1"/>
          </p:cNvSpPr>
          <p:nvPr>
            <p:ph type="dgm" sz="quarter" idx="20" hasCustomPrompt="1"/>
          </p:nvPr>
        </p:nvSpPr>
        <p:spPr>
          <a:xfrm>
            <a:off x="10793052" y="6255782"/>
            <a:ext cx="981186" cy="214227"/>
          </a:xfrm>
          <a:prstGeom prst="rect">
            <a:avLst/>
          </a:prstGeom>
          <a:blipFill>
            <a:blip r:embed="rId2"/>
            <a:stretch>
              <a:fillRect/>
            </a:stretch>
          </a:blipFill>
        </p:spPr>
        <p:txBody>
          <a:bodyPr lIns="0" tIns="0" rIns="0" bIns="0"/>
          <a:lstStyle>
            <a:lvl1pPr marL="0" indent="0">
              <a:buNone/>
              <a:defRPr sz="100" baseline="0"/>
            </a:lvl1pPr>
          </a:lstStyle>
          <a:p>
            <a:r>
              <a:rPr lang="en-GB" sz="100"/>
              <a:t> </a:t>
            </a:r>
            <a:endParaRPr lang="en-GB"/>
          </a:p>
        </p:txBody>
      </p:sp>
      <p:pic>
        <p:nvPicPr>
          <p:cNvPr id="14" name="logo_blaa" hidden="1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93051" y="6255782"/>
            <a:ext cx="981013" cy="214063"/>
          </a:xfrm>
          <a:prstGeom prst="rect">
            <a:avLst/>
          </a:prstGeom>
        </p:spPr>
      </p:pic>
      <p:pic>
        <p:nvPicPr>
          <p:cNvPr id="15" name="logo_hvit" hidden="1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93051" y="6255782"/>
            <a:ext cx="981013" cy="2140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1584101"/>
      </p:ext>
    </p:extLst>
  </p:cSld>
  <p:clrMapOvr>
    <a:masterClrMapping/>
  </p:clrMapOvr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954181" y="2700338"/>
            <a:ext cx="4320821" cy="342042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5635071" y="2700338"/>
            <a:ext cx="4320821" cy="342042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5" name="Plassholder for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Month 2016</a:t>
            </a:r>
          </a:p>
        </p:txBody>
      </p:sp>
      <p:sp>
        <p:nvSpPr>
          <p:cNvPr id="6" name="Plassholder for bunn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Plassholder for lysbil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51DFAA-887F-4071-8EAD-E8CA316FCF06}" type="slidenum">
              <a:rPr lang="nb-NO" smtClean="0"/>
              <a:t>‹#›</a:t>
            </a:fld>
            <a:endParaRPr lang="nb-NO"/>
          </a:p>
        </p:txBody>
      </p:sp>
      <p:sp>
        <p:nvSpPr>
          <p:cNvPr id="8" name="Tittel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72865767"/>
      </p:ext>
    </p:extLst>
  </p:cSld>
  <p:clrMapOvr>
    <a:masterClrMapping/>
  </p:clrMapOvr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 lite bilde høy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954181" y="2700338"/>
            <a:ext cx="5980773" cy="342042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7075893" y="2700338"/>
            <a:ext cx="2880000" cy="342042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5" name="Plassholder for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Month 2016</a:t>
            </a:r>
          </a:p>
        </p:txBody>
      </p:sp>
      <p:sp>
        <p:nvSpPr>
          <p:cNvPr id="6" name="Plassholder for bunnteks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7" name="Plassholder for lysbilde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51DFAA-887F-4071-8EAD-E8CA316FCF06}" type="slidenum">
              <a:rPr lang="nb-NO" smtClean="0"/>
              <a:t>‹#›</a:t>
            </a:fld>
            <a:endParaRPr lang="nb-NO"/>
          </a:p>
        </p:txBody>
      </p:sp>
      <p:sp>
        <p:nvSpPr>
          <p:cNvPr id="8" name="Tittel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16617872"/>
      </p:ext>
    </p:extLst>
  </p:cSld>
  <p:clrMapOvr>
    <a:masterClrMapping/>
  </p:clrMapOvr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954181" y="2700337"/>
            <a:ext cx="4320821" cy="585073"/>
          </a:xfrm>
        </p:spPr>
        <p:txBody>
          <a:bodyPr anchor="t">
            <a:normAutofit/>
          </a:bodyPr>
          <a:lstStyle>
            <a:lvl1pPr marL="0" indent="0">
              <a:buNone/>
              <a:defRPr sz="1800" b="1"/>
            </a:lvl1pPr>
            <a:lvl2pPr marL="457268" indent="0">
              <a:buNone/>
              <a:defRPr sz="2000" b="1"/>
            </a:lvl2pPr>
            <a:lvl3pPr marL="914537" indent="0">
              <a:buNone/>
              <a:defRPr sz="1800" b="1"/>
            </a:lvl3pPr>
            <a:lvl4pPr marL="1371806" indent="0">
              <a:buNone/>
              <a:defRPr sz="1600" b="1"/>
            </a:lvl4pPr>
            <a:lvl5pPr marL="1829074" indent="0">
              <a:buNone/>
              <a:defRPr sz="1600" b="1"/>
            </a:lvl5pPr>
            <a:lvl6pPr marL="2286343" indent="0">
              <a:buNone/>
              <a:defRPr sz="1600" b="1"/>
            </a:lvl6pPr>
            <a:lvl7pPr marL="2743612" indent="0">
              <a:buNone/>
              <a:defRPr sz="1600" b="1"/>
            </a:lvl7pPr>
            <a:lvl8pPr marL="3200880" indent="0">
              <a:buNone/>
              <a:defRPr sz="1600" b="1"/>
            </a:lvl8pPr>
            <a:lvl9pPr marL="3658148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954181" y="3285410"/>
            <a:ext cx="4320821" cy="283535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5" name="Plassholder for tekst 4"/>
          <p:cNvSpPr>
            <a:spLocks noGrp="1"/>
          </p:cNvSpPr>
          <p:nvPr>
            <p:ph type="body" sz="quarter" idx="3"/>
          </p:nvPr>
        </p:nvSpPr>
        <p:spPr>
          <a:xfrm>
            <a:off x="5635071" y="2700337"/>
            <a:ext cx="4320821" cy="585073"/>
          </a:xfrm>
        </p:spPr>
        <p:txBody>
          <a:bodyPr anchor="t">
            <a:normAutofit/>
          </a:bodyPr>
          <a:lstStyle>
            <a:lvl1pPr marL="0" indent="0">
              <a:buNone/>
              <a:defRPr sz="1800" b="1"/>
            </a:lvl1pPr>
            <a:lvl2pPr marL="457268" indent="0">
              <a:buNone/>
              <a:defRPr sz="2000" b="1"/>
            </a:lvl2pPr>
            <a:lvl3pPr marL="914537" indent="0">
              <a:buNone/>
              <a:defRPr sz="1800" b="1"/>
            </a:lvl3pPr>
            <a:lvl4pPr marL="1371806" indent="0">
              <a:buNone/>
              <a:defRPr sz="1600" b="1"/>
            </a:lvl4pPr>
            <a:lvl5pPr marL="1829074" indent="0">
              <a:buNone/>
              <a:defRPr sz="1600" b="1"/>
            </a:lvl5pPr>
            <a:lvl6pPr marL="2286343" indent="0">
              <a:buNone/>
              <a:defRPr sz="1600" b="1"/>
            </a:lvl6pPr>
            <a:lvl7pPr marL="2743612" indent="0">
              <a:buNone/>
              <a:defRPr sz="1600" b="1"/>
            </a:lvl7pPr>
            <a:lvl8pPr marL="3200880" indent="0">
              <a:buNone/>
              <a:defRPr sz="1600" b="1"/>
            </a:lvl8pPr>
            <a:lvl9pPr marL="3658148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Plassholder for innhold 5"/>
          <p:cNvSpPr>
            <a:spLocks noGrp="1"/>
          </p:cNvSpPr>
          <p:nvPr>
            <p:ph sz="quarter" idx="4"/>
          </p:nvPr>
        </p:nvSpPr>
        <p:spPr>
          <a:xfrm>
            <a:off x="5635071" y="3285410"/>
            <a:ext cx="4320821" cy="283535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Plassholder for dato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Month 2016</a:t>
            </a:r>
          </a:p>
        </p:txBody>
      </p:sp>
      <p:sp>
        <p:nvSpPr>
          <p:cNvPr id="8" name="Plassholder for bunnteks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9" name="Plassholder for lysbilde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51DFAA-887F-4071-8EAD-E8CA316FCF06}" type="slidenum">
              <a:rPr lang="nb-NO" smtClean="0"/>
              <a:t>‹#›</a:t>
            </a:fld>
            <a:endParaRPr lang="nb-NO"/>
          </a:p>
        </p:txBody>
      </p:sp>
      <p:sp>
        <p:nvSpPr>
          <p:cNvPr id="10" name="Tit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84948616"/>
      </p:ext>
    </p:extLst>
  </p:cSld>
  <p:clrMapOvr>
    <a:masterClrMapping/>
  </p:clrMapOvr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3" name="Plassholder for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Month 2016</a:t>
            </a:r>
          </a:p>
        </p:txBody>
      </p:sp>
      <p:sp>
        <p:nvSpPr>
          <p:cNvPr id="4" name="Plassholder for bunnteks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5" name="Plassholder for lysbil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51DFAA-887F-4071-8EAD-E8CA316FCF06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81841036"/>
      </p:ext>
    </p:extLst>
  </p:cSld>
  <p:clrMapOvr>
    <a:masterClrMapping/>
  </p:clrMapOvr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/>
              <a:t>Month 2016</a:t>
            </a:r>
          </a:p>
        </p:txBody>
      </p:sp>
      <p:sp>
        <p:nvSpPr>
          <p:cNvPr id="3" name="Plassholder for bunnteks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51DFAA-887F-4071-8EAD-E8CA316FCF06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918749569"/>
      </p:ext>
    </p:extLst>
  </p:cSld>
  <p:clrMapOvr>
    <a:masterClrMapping/>
  </p:clrMapOvr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2313942"/>
            <a:ext cx="9144000" cy="1196021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/>
          </a:p>
        </p:txBody>
      </p:sp>
      <p:sp>
        <p:nvSpPr>
          <p:cNvPr id="4" name="Rectangle 5">
            <a:extLst>
              <a:ext uri="{FF2B5EF4-FFF2-40B4-BE49-F238E27FC236}">
                <a16:creationId xmlns:a16="http://schemas.microsoft.com/office/drawing/2014/main" id="{E32919F3-4D65-49D8-8A40-0BB24913A208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3B30FC3-EAAA-470D-903A-42D3CADD9378}" type="slidenum">
              <a:rPr lang="en-US" altLang="nb-NO"/>
              <a:pPr>
                <a:defRPr/>
              </a:pPr>
              <a:t>‹#›</a:t>
            </a:fld>
            <a:endParaRPr lang="en-US" altLang="nb-NO" sz="1400">
              <a:latin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6463226"/>
      </p:ext>
    </p:extLst>
  </p:cSld>
  <p:clrMapOvr>
    <a:masterClrMapping/>
  </p:clrMapOvr>
  <p:transition/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 Column Vertical Graph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476212" y="1916832"/>
            <a:ext cx="11239577" cy="4104456"/>
          </a:xfrm>
        </p:spPr>
        <p:txBody>
          <a:bodyPr lIns="0">
            <a:noAutofit/>
          </a:bodyPr>
          <a:lstStyle>
            <a:lvl1pPr>
              <a:buClr>
                <a:schemeClr val="accent2"/>
              </a:buClr>
              <a:buFont typeface="Arial" pitchFamily="34" charset="0"/>
              <a:buChar char="•"/>
              <a:defRPr sz="1800" i="0">
                <a:solidFill>
                  <a:schemeClr val="accent3"/>
                </a:solidFill>
              </a:defRPr>
            </a:lvl1pPr>
            <a:lvl2pPr>
              <a:buClr>
                <a:schemeClr val="accent2"/>
              </a:buClr>
              <a:buFont typeface="Arial" pitchFamily="34" charset="0"/>
              <a:buChar char="•"/>
              <a:defRPr sz="1800" i="0">
                <a:solidFill>
                  <a:schemeClr val="accent3"/>
                </a:solidFill>
              </a:defRPr>
            </a:lvl2pPr>
            <a:lvl3pPr>
              <a:buClr>
                <a:schemeClr val="accent2"/>
              </a:buClr>
              <a:buFont typeface="Arial" pitchFamily="34" charset="0"/>
              <a:buChar char="•"/>
              <a:defRPr sz="1800" i="0">
                <a:solidFill>
                  <a:schemeClr val="accent3"/>
                </a:solidFill>
              </a:defRPr>
            </a:lvl3pPr>
            <a:lvl4pPr>
              <a:buClr>
                <a:schemeClr val="accent2"/>
              </a:buClr>
              <a:buFont typeface="Arial" pitchFamily="34" charset="0"/>
              <a:buChar char="•"/>
              <a:defRPr sz="1800" i="0">
                <a:solidFill>
                  <a:schemeClr val="accent3"/>
                </a:solidFill>
              </a:defRPr>
            </a:lvl4pPr>
            <a:lvl5pPr>
              <a:buClr>
                <a:schemeClr val="accent2"/>
              </a:buClr>
              <a:buFont typeface="Arial" pitchFamily="34" charset="0"/>
              <a:buChar char="•"/>
              <a:defRPr sz="1800" i="0">
                <a:solidFill>
                  <a:schemeClr val="accent3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nb-NO" noProof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17A9B3F3-0CDD-4032-910D-70E772557002}" type="slidenum">
              <a:rPr lang="nb-NO" noProof="0" smtClean="0"/>
              <a:pPr/>
              <a:t>‹#›</a:t>
            </a:fld>
            <a:endParaRPr lang="nb-NO" noProof="0"/>
          </a:p>
        </p:txBody>
      </p:sp>
      <p:sp>
        <p:nvSpPr>
          <p:cNvPr id="6" name="Text Placeholder 2"/>
          <p:cNvSpPr>
            <a:spLocks noGrp="1"/>
          </p:cNvSpPr>
          <p:nvPr>
            <p:ph type="body" idx="22" hasCustomPrompt="1"/>
          </p:nvPr>
        </p:nvSpPr>
        <p:spPr>
          <a:xfrm>
            <a:off x="476211" y="1142984"/>
            <a:ext cx="11239579" cy="642942"/>
          </a:xfrm>
        </p:spPr>
        <p:txBody>
          <a:bodyPr wrap="square" lIns="0" tIns="46800" anchor="t" anchorCtr="0">
            <a:noAutofit/>
          </a:bodyPr>
          <a:lstStyle>
            <a:lvl1pPr marL="0" indent="0">
              <a:buNone/>
              <a:defRPr sz="2800" b="0">
                <a:solidFill>
                  <a:srgbClr val="00447C"/>
                </a:solidFill>
              </a:defRPr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nb-NO" noProof="0"/>
              <a:t>Click to insert text</a:t>
            </a:r>
          </a:p>
        </p:txBody>
      </p:sp>
    </p:spTree>
    <p:extLst>
      <p:ext uri="{BB962C8B-B14F-4D97-AF65-F5344CB8AC3E}">
        <p14:creationId xmlns:p14="http://schemas.microsoft.com/office/powerpoint/2010/main" val="248322298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61A31FA8-45E7-4F21-920C-1CD45F20D7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171981857"/>
      </p:ext>
    </p:extLst>
  </p:cSld>
  <p:clrMapOvr>
    <a:masterClrMapping/>
  </p:clrMapOvr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5">
            <a:extLst>
              <a:ext uri="{FF2B5EF4-FFF2-40B4-BE49-F238E27FC236}">
                <a16:creationId xmlns:a16="http://schemas.microsoft.com/office/drawing/2014/main" id="{BA9FE935-F199-41D7-871A-24EC1D9C5AD9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0" y="0"/>
            <a:ext cx="7368540" cy="6858000"/>
          </a:xfrm>
          <a:custGeom>
            <a:avLst/>
            <a:gdLst>
              <a:gd name="connsiteX0" fmla="*/ 0 w 7368540"/>
              <a:gd name="connsiteY0" fmla="*/ 0 h 6858000"/>
              <a:gd name="connsiteX1" fmla="*/ 722471 w 7368540"/>
              <a:gd name="connsiteY1" fmla="*/ 0 h 6858000"/>
              <a:gd name="connsiteX2" fmla="*/ 722471 w 7368540"/>
              <a:gd name="connsiteY2" fmla="*/ 1299762 h 6858000"/>
              <a:gd name="connsiteX3" fmla="*/ 1813407 w 7368540"/>
              <a:gd name="connsiteY3" fmla="*/ 1299762 h 6858000"/>
              <a:gd name="connsiteX4" fmla="*/ 1813407 w 7368540"/>
              <a:gd name="connsiteY4" fmla="*/ 0 h 6858000"/>
              <a:gd name="connsiteX5" fmla="*/ 7368540 w 7368540"/>
              <a:gd name="connsiteY5" fmla="*/ 0 h 6858000"/>
              <a:gd name="connsiteX6" fmla="*/ 7368540 w 7368540"/>
              <a:gd name="connsiteY6" fmla="*/ 17691 h 6858000"/>
              <a:gd name="connsiteX7" fmla="*/ 4913290 w 7368540"/>
              <a:gd name="connsiteY7" fmla="*/ 6858000 h 6858000"/>
              <a:gd name="connsiteX8" fmla="*/ 0 w 736854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36854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7368540" y="0"/>
                </a:lnTo>
                <a:lnTo>
                  <a:pt x="7368540" y="17691"/>
                </a:lnTo>
                <a:lnTo>
                  <a:pt x="491329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4585063" cy="2074529"/>
          </a:xfrm>
          <a:solidFill>
            <a:schemeClr val="bg1"/>
          </a:solidFill>
        </p:spPr>
        <p:txBody>
          <a:bodyPr wrap="square"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025730361"/>
      </p:ext>
    </p:extLst>
  </p:cSld>
  <p:clrMapOvr>
    <a:masterClrMapping/>
  </p:clrMapOvr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mindre bilder splitte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827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414486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102644" y="580338"/>
            <a:ext cx="2031207" cy="612925"/>
          </a:xfrm>
        </p:spPr>
        <p:txBody>
          <a:bodyPr lIns="0" tIns="0" rIns="0" bIns="0" anchor="b">
            <a:noAutofit/>
          </a:bodyPr>
          <a:lstStyle>
            <a:lvl1pPr algn="l">
              <a:lnSpc>
                <a:spcPct val="90000"/>
              </a:lnSpc>
              <a:defRPr sz="1400">
                <a:solidFill>
                  <a:schemeClr val="tx2"/>
                </a:solidFill>
              </a:defRPr>
            </a:lvl1pPr>
          </a:lstStyle>
          <a:p>
            <a:pPr>
              <a:lnSpc>
                <a:spcPct val="90000"/>
              </a:lnSpc>
            </a:pPr>
            <a:r>
              <a:rPr lang="nb-NO"/>
              <a:t>Teknologi for et bedre samfunn</a:t>
            </a:r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48F152A9-0360-426A-B041-448208E46CB2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7313390" y="-325"/>
            <a:ext cx="4878610" cy="6858325"/>
          </a:xfrm>
          <a:custGeom>
            <a:avLst/>
            <a:gdLst>
              <a:gd name="connsiteX0" fmla="*/ 0 w 4878610"/>
              <a:gd name="connsiteY0" fmla="*/ 0 h 6858325"/>
              <a:gd name="connsiteX1" fmla="*/ 4878610 w 4878610"/>
              <a:gd name="connsiteY1" fmla="*/ 0 h 6858325"/>
              <a:gd name="connsiteX2" fmla="*/ 4878610 w 4878610"/>
              <a:gd name="connsiteY2" fmla="*/ 6858325 h 6858325"/>
              <a:gd name="connsiteX3" fmla="*/ 0 w 4878610"/>
              <a:gd name="connsiteY3" fmla="*/ 6858325 h 6858325"/>
              <a:gd name="connsiteX4" fmla="*/ 2479964 w 4878610"/>
              <a:gd name="connsiteY4" fmla="*/ 325 h 6858325"/>
              <a:gd name="connsiteX5" fmla="*/ 0 w 4878610"/>
              <a:gd name="connsiteY5" fmla="*/ 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878610" h="6858325">
                <a:moveTo>
                  <a:pt x="0" y="0"/>
                </a:moveTo>
                <a:lnTo>
                  <a:pt x="4878610" y="0"/>
                </a:lnTo>
                <a:lnTo>
                  <a:pt x="4878610" y="6858325"/>
                </a:lnTo>
                <a:lnTo>
                  <a:pt x="0" y="6858325"/>
                </a:lnTo>
                <a:lnTo>
                  <a:pt x="2479964" y="325"/>
                </a:lnTo>
                <a:lnTo>
                  <a:pt x="0" y="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sp>
        <p:nvSpPr>
          <p:cNvPr id="30" name="Picture Placeholder 29">
            <a:extLst>
              <a:ext uri="{FF2B5EF4-FFF2-40B4-BE49-F238E27FC236}">
                <a16:creationId xmlns:a16="http://schemas.microsoft.com/office/drawing/2014/main" id="{4CC0A7DB-27EF-4BE8-93B0-2E99409AE43A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947018" y="0"/>
            <a:ext cx="4850393" cy="6858000"/>
          </a:xfrm>
          <a:custGeom>
            <a:avLst/>
            <a:gdLst>
              <a:gd name="connsiteX0" fmla="*/ 0 w 4850393"/>
              <a:gd name="connsiteY0" fmla="*/ 0 h 6858000"/>
              <a:gd name="connsiteX1" fmla="*/ 4850393 w 4850393"/>
              <a:gd name="connsiteY1" fmla="*/ 0 h 6858000"/>
              <a:gd name="connsiteX2" fmla="*/ 2369916 w 4850393"/>
              <a:gd name="connsiteY2" fmla="*/ 6858000 h 6858000"/>
              <a:gd name="connsiteX3" fmla="*/ 0 w 4850393"/>
              <a:gd name="connsiteY3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850393" h="6858000">
                <a:moveTo>
                  <a:pt x="0" y="0"/>
                </a:moveTo>
                <a:lnTo>
                  <a:pt x="4850393" y="0"/>
                </a:lnTo>
                <a:lnTo>
                  <a:pt x="2369916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9079621"/>
      </p:ext>
    </p:extLst>
  </p:cSld>
  <p:clrMapOvr>
    <a:masterClrMapping/>
  </p:clrMapOvr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5372100" cy="2074529"/>
          </a:xfrm>
          <a:solidFill>
            <a:schemeClr val="bg1"/>
          </a:solidFill>
        </p:spPr>
        <p:txBody>
          <a:bodyPr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69493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1524698"/>
      </p:ext>
    </p:extLst>
  </p:cSld>
  <p:clrMapOvr>
    <a:masterClrMapping/>
  </p:clrMapOvr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/>
          <a:p>
            <a:r>
              <a:rPr lang="en-US"/>
              <a:t>Click icon to add media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1E49F8F-D418-4FBA-825E-A63F2DDD8F1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0" y="3821445"/>
            <a:ext cx="5372100" cy="2074529"/>
          </a:xfrm>
          <a:solidFill>
            <a:schemeClr val="bg1"/>
          </a:solidFill>
        </p:spPr>
        <p:txBody>
          <a:bodyPr lIns="720000" tIns="360000" rIns="144000" bIns="116640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69493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9117245"/>
      </p:ext>
    </p:extLst>
  </p:cSld>
  <p:clrMapOvr>
    <a:masterClrMapping/>
  </p:clrMapOvr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20090" y="6508427"/>
            <a:ext cx="4114800" cy="215444"/>
          </a:xfrm>
        </p:spPr>
        <p:txBody>
          <a:bodyPr>
            <a:noAutofit/>
          </a:bodyPr>
          <a:lstStyle>
            <a:lvl1pPr>
              <a:defRPr sz="1400"/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78396344"/>
      </p:ext>
    </p:extLst>
  </p:cSld>
  <p:clrMapOvr>
    <a:masterClrMapping/>
  </p:clrMapOvr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127465718"/>
      </p:ext>
    </p:extLst>
  </p:cSld>
  <p:clrMapOvr>
    <a:masterClrMapping/>
  </p:clrMapOvr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nb-NO" sz="1400"/>
              <a:t>Teknologi for et bedre samfunn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82255975"/>
      </p:ext>
    </p:extLst>
  </p:cSld>
  <p:clrMapOvr>
    <a:masterClrMapping/>
  </p:clrMapOvr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nb-NO" sz="1400"/>
              <a:t>Teknologi for et bedre samfunn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269058349"/>
      </p:ext>
    </p:extLst>
  </p:cSld>
  <p:clrMapOvr>
    <a:masterClrMapping/>
  </p:clrMapOvr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nb-NO" sz="1400"/>
              <a:t>Teknologi for et bedre samfunn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97904083"/>
      </p:ext>
    </p:extLst>
  </p:cSld>
  <p:clrMapOvr>
    <a:masterClrMapping/>
  </p:clrMapOvr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nb-NO" sz="1400"/>
              <a:t>Teknologi for et bedre samfunn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5573310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19E40C-11F9-4CC9-A0F5-A28346A4DD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nb-NO" sz="1400"/>
              <a:t>Teknologi for et bedre samfunn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85930990"/>
      </p:ext>
    </p:extLst>
  </p:cSld>
  <p:clrMapOvr>
    <a:masterClrMapping/>
  </p:clrMapOvr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nb-NO" sz="1400"/>
              <a:t>Teknologi for et bedre samfunn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89920847"/>
      </p:ext>
    </p:extLst>
  </p:cSld>
  <p:clrMapOvr>
    <a:masterClrMapping/>
  </p:clrMapOvr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1"/>
            <a:ext cx="2247099" cy="2946643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nb-NO" sz="1400"/>
              <a:t>Teknologi for et bedre samfunn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10"/>
            <a:ext cx="2247099" cy="2946643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1"/>
            <a:ext cx="2247099" cy="2946643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10"/>
            <a:ext cx="2247099" cy="2946643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32" name="Text Placeholder 31">
            <a:extLst>
              <a:ext uri="{FF2B5EF4-FFF2-40B4-BE49-F238E27FC236}">
                <a16:creationId xmlns:a16="http://schemas.microsoft.com/office/drawing/2014/main" id="{9499EFE1-8CBA-423F-8122-58E739F6751B}"/>
              </a:ext>
            </a:extLst>
          </p:cNvPr>
          <p:cNvSpPr>
            <a:spLocks noGrp="1"/>
          </p:cNvSpPr>
          <p:nvPr>
            <p:ph type="body" sz="quarter" idx="35"/>
          </p:nvPr>
        </p:nvSpPr>
        <p:spPr>
          <a:xfrm>
            <a:off x="717981" y="5102550"/>
            <a:ext cx="3974668" cy="193899"/>
          </a:xfrm>
        </p:spPr>
        <p:txBody>
          <a:bodyPr anchor="b">
            <a:noAutofit/>
          </a:bodyPr>
          <a:lstStyle>
            <a:lvl1pPr marL="0" indent="0">
              <a:buNone/>
              <a:defRPr sz="14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4" name="Text Placeholder 33">
            <a:extLst>
              <a:ext uri="{FF2B5EF4-FFF2-40B4-BE49-F238E27FC236}">
                <a16:creationId xmlns:a16="http://schemas.microsoft.com/office/drawing/2014/main" id="{4663B884-1B37-4D3C-BA4C-6E4DFDC6B7E9}"/>
              </a:ext>
            </a:extLst>
          </p:cNvPr>
          <p:cNvSpPr>
            <a:spLocks noGrp="1"/>
          </p:cNvSpPr>
          <p:nvPr>
            <p:ph type="body" sz="quarter" idx="36"/>
          </p:nvPr>
        </p:nvSpPr>
        <p:spPr>
          <a:xfrm>
            <a:off x="717980" y="5573275"/>
            <a:ext cx="3974669" cy="166199"/>
          </a:xfrm>
        </p:spPr>
        <p:txBody>
          <a:bodyPr>
            <a:noAutofit/>
          </a:bodyPr>
          <a:lstStyle>
            <a:lvl1pPr marL="0" indent="0">
              <a:buNone/>
              <a:defRPr sz="1100" cap="all" baseline="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6" name="Text Placeholder 35">
            <a:extLst>
              <a:ext uri="{FF2B5EF4-FFF2-40B4-BE49-F238E27FC236}">
                <a16:creationId xmlns:a16="http://schemas.microsoft.com/office/drawing/2014/main" id="{D5AEE4FD-CC8C-4092-AAA0-989B431A8483}"/>
              </a:ext>
            </a:extLst>
          </p:cNvPr>
          <p:cNvSpPr>
            <a:spLocks noGrp="1"/>
          </p:cNvSpPr>
          <p:nvPr>
            <p:ph type="body" sz="quarter" idx="37"/>
          </p:nvPr>
        </p:nvSpPr>
        <p:spPr>
          <a:xfrm>
            <a:off x="717981" y="5738813"/>
            <a:ext cx="3974668" cy="215900"/>
          </a:xfrm>
        </p:spPr>
        <p:txBody>
          <a:bodyPr>
            <a:noAutofit/>
          </a:bodyPr>
          <a:lstStyle>
            <a:lvl1pPr marL="0" indent="0">
              <a:buNone/>
              <a:defRPr sz="1800" b="1"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1" name="Text Placeholder 33">
            <a:extLst>
              <a:ext uri="{FF2B5EF4-FFF2-40B4-BE49-F238E27FC236}">
                <a16:creationId xmlns:a16="http://schemas.microsoft.com/office/drawing/2014/main" id="{D5EB240A-3766-4487-8B37-EF0F3B69118B}"/>
              </a:ext>
            </a:extLst>
          </p:cNvPr>
          <p:cNvSpPr>
            <a:spLocks noGrp="1"/>
          </p:cNvSpPr>
          <p:nvPr>
            <p:ph type="body" sz="quarter" idx="40"/>
          </p:nvPr>
        </p:nvSpPr>
        <p:spPr>
          <a:xfrm>
            <a:off x="6387317" y="5573275"/>
            <a:ext cx="3974669" cy="166199"/>
          </a:xfrm>
        </p:spPr>
        <p:txBody>
          <a:bodyPr>
            <a:noAutofit/>
          </a:bodyPr>
          <a:lstStyle>
            <a:lvl1pPr marL="0" indent="0">
              <a:buNone/>
              <a:defRPr sz="1100" cap="all" baseline="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2" name="Text Placeholder 35">
            <a:extLst>
              <a:ext uri="{FF2B5EF4-FFF2-40B4-BE49-F238E27FC236}">
                <a16:creationId xmlns:a16="http://schemas.microsoft.com/office/drawing/2014/main" id="{E7A50160-9C8F-4AEA-B2A9-645F2215554C}"/>
              </a:ext>
            </a:extLst>
          </p:cNvPr>
          <p:cNvSpPr>
            <a:spLocks noGrp="1"/>
          </p:cNvSpPr>
          <p:nvPr>
            <p:ph type="body" sz="quarter" idx="41"/>
          </p:nvPr>
        </p:nvSpPr>
        <p:spPr>
          <a:xfrm>
            <a:off x="6387316" y="5738813"/>
            <a:ext cx="3974669" cy="215900"/>
          </a:xfrm>
        </p:spPr>
        <p:txBody>
          <a:bodyPr>
            <a:noAutofit/>
          </a:bodyPr>
          <a:lstStyle>
            <a:lvl1pPr marL="0" indent="0">
              <a:buNone/>
              <a:defRPr sz="1800" b="1"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07D70D71-7D65-456F-8918-0D83F0B88E9C}"/>
              </a:ext>
            </a:extLst>
          </p:cNvPr>
          <p:cNvCxnSpPr>
            <a:cxnSpLocks/>
          </p:cNvCxnSpPr>
          <p:nvPr userDrawn="1"/>
        </p:nvCxnSpPr>
        <p:spPr>
          <a:xfrm>
            <a:off x="717981" y="5415515"/>
            <a:ext cx="10792029" cy="0"/>
          </a:xfrm>
          <a:prstGeom prst="line">
            <a:avLst/>
          </a:prstGeom>
          <a:ln w="254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13220258"/>
      </p:ext>
    </p:extLst>
  </p:cSld>
  <p:clrMapOvr>
    <a:masterClrMapping/>
  </p:clrMapOvr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nb-NO" sz="1400"/>
              <a:t>Teknologi for et bedre samfunn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4182189391"/>
      </p:ext>
    </p:extLst>
  </p:cSld>
  <p:clrMapOvr>
    <a:masterClrMapping/>
  </p:clrMapOvr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57110" y="6354536"/>
            <a:ext cx="4114800" cy="215444"/>
          </a:xfrm>
        </p:spPr>
        <p:txBody>
          <a:bodyPr>
            <a:noAutofit/>
          </a:bodyPr>
          <a:lstStyle>
            <a:lvl1pPr algn="r">
              <a:defRPr sz="1400"/>
            </a:lvl1pPr>
          </a:lstStyle>
          <a:p>
            <a:r>
              <a:rPr lang="nb-NO" sz="1400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267955596"/>
      </p:ext>
    </p:extLst>
  </p:cSld>
  <p:clrMapOvr>
    <a:masterClrMapping/>
  </p:clrMapOvr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sz="390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7840243"/>
      </p:ext>
    </p:extLst>
  </p:cSld>
  <p:clrMapOvr>
    <a:masterClrMapping/>
  </p:clrMapOvr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5266F6-1A2B-49F0-997E-8314E37E25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5C658B7-C2DA-441B-A52C-33F70A93824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DB0106-969E-473D-A163-3C6DE7C898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22B4B5-84BD-45EF-A518-C1890B6FEAF7}" type="datetimeFigureOut">
              <a:rPr lang="nb-NO" smtClean="0"/>
              <a:t>24.04.2022</a:t>
            </a:fld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8066E9-5B04-41BF-AAC0-BEF39397EF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64F85A-FC56-4868-8393-C9CBE882E0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EB2F57-0D1C-430C-9BFB-26570273A5DD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5032506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5317320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sz="390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EDC10EC-BA55-4582-BC51-54300AEE4C9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0BAEDA-2B5E-4C83-9161-0B871B632C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61BABB1-A447-405B-AF28-D9AB8C3C9B6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B7CAE32E-E8A6-4610-94FE-E5A3D98AB5DB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4AE97785-6E28-487C-A237-AF5F013A8878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9618750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9">
            <a:extLst>
              <a:ext uri="{FF2B5EF4-FFF2-40B4-BE49-F238E27FC236}">
                <a16:creationId xmlns:a16="http://schemas.microsoft.com/office/drawing/2014/main" id="{3A9B36A6-D5A0-40FE-A730-776C70C5C3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5F535E3-A827-48E2-B683-3A78074E015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963AB43E-274F-4813-ABFF-B76361154E3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705FF5DD-9FDA-4566-9B40-7642DC33ED9D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142683979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54535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BA452CE-6521-4710-BBBF-4AE21A3DDE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4">
            <a:extLst>
              <a:ext uri="{FF2B5EF4-FFF2-40B4-BE49-F238E27FC236}">
                <a16:creationId xmlns:a16="http://schemas.microsoft.com/office/drawing/2014/main" id="{D2D6A4DA-EB35-4A5F-AB92-FFD4A8A4703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22AB73FD-6699-4F8E-8AC4-31A9B51185C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E5A0517A-F36B-49B2-8737-F152A42C805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7C819F2B-234F-4A6E-BC98-756E17E805E1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272051164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B30310D9-36FF-41E3-BE76-6C2A983940FC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BE00044-7D51-4DCD-96F4-EEEBB6479F74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81557363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  <a:prstGeom prst="rect">
            <a:avLst/>
          </a:prstGeom>
        </p:spPr>
        <p:txBody>
          <a:bodyPr/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9695" y="2266950"/>
            <a:ext cx="5336305" cy="39100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6">
            <a:extLst>
              <a:ext uri="{FF2B5EF4-FFF2-40B4-BE49-F238E27FC236}">
                <a16:creationId xmlns:a16="http://schemas.microsoft.com/office/drawing/2014/main" id="{AE3C12E5-2F4F-4D23-91A9-A0907C2B053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6499831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D65FD970-B6F5-48DC-9AA4-AC69DCFA1369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444DAB5-754B-4A6F-B710-754439ADF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3A8F863F-3ACF-4957-A9A6-A89D8AA0A8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825092807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7BFE638F-3AD3-464E-BF13-79AB95AA7C25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38A2C9-456E-4D4E-94D6-AED12A02C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0EE22A6A-0A3A-4F38-94A9-28038AC01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4A462DB3-E68E-4AB4-9C93-064327EA7E6C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9922B3F0-06D5-4753-B10F-A22AC78E4C06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16891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A7DD0381-8D8C-4D69-8735-BDFE5FEADB45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6FB1CFDE-A2D9-4ED8-8F76-8AA59BBB3C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BE5BC05-43BB-4A68-BCE7-66AB4600E8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960DF13D-F139-4941-BBE3-B8CEC4D8A189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4B456DA-80EA-425C-A234-5FD5B1D3578D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1AE61440-BA51-47B3-8411-D11456A033C6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123705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715B95E4-C4BF-4768-A1D0-3C89DC68BBF9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919B3BBC-3D41-4921-8659-202A81014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261063B8-8B1C-473D-BF7A-138131F03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41C31B6B-6FA0-4D20-871D-097EEB559C6D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3017EFE-25AB-43D8-BC14-A9F3612FEA9C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F4276D84-B999-403B-AB64-6C437152146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A71538D3-586D-494E-B89E-8380313D69D2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5171294F-D84E-4A6F-870E-59E9DBCCA8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EF101C2C-0C77-447C-BA84-1AABEF6FE385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EBB600D2-A0F5-4B88-8C17-3CD0807F9ED9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B32EF8FC-B8B0-4AD1-8E82-18EFC5E83E6B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5321622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4A37645F-00DE-4717-91AE-21B7FDD76BB4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1B66DEC5-A299-4233-BF59-D0200E69F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36E6D055-A78F-43F7-99EB-B44D7879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7B4C10E-44E8-4316-ADBF-4176B85E996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C263C971-72D9-417A-838C-6B7D53DD9AB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A73A6F4C-9B53-4890-BE7B-A022FB064A4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0EABF451-A30A-4B70-A311-E02AA51BD73F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00C50359-0B90-473E-B638-5C6E12F4E58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12F0BFF5-0BE5-4A17-AD0B-2973A016BC85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FE9BE84A-8A6C-41DD-B315-07B1618920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847321C3-4154-44B3-ABFA-277BCB352EE8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8B6C8C90-DD52-4FC6-A7FC-0CA1F6B30600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172B1DA1-AA1E-4C2A-B921-AD87D5A4E0B4}"/>
              </a:ext>
            </a:extLst>
          </p:cNvPr>
          <p:cNvSpPr>
            <a:spLocks noGrp="1"/>
          </p:cNvSpPr>
          <p:nvPr>
            <p:ph idx="27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8934903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47496953-5DEE-49B4-8211-9067CD1A6D41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47B43333-FEED-49FB-BE24-313277381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FD57A55-73BA-450A-9273-24975A7F5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85BC3D22-7859-41A6-92FD-93C0927C8E6E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AE4DB8F-1F65-4E96-89C3-A53D396362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37A4E066-E94C-48EF-AFA8-D2837BC7D68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E976DF51-5EA0-4493-B932-EBF3AB395507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37794960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3DE3B279-DDF8-466D-BAE3-E1818024BF9A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A2C02546-FB88-4A2F-8539-75C6D57D7B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D9E60C3C-3A07-409E-8AE9-F1074D1B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25" name="Text Placeholder 7">
            <a:extLst>
              <a:ext uri="{FF2B5EF4-FFF2-40B4-BE49-F238E27FC236}">
                <a16:creationId xmlns:a16="http://schemas.microsoft.com/office/drawing/2014/main" id="{491A31F3-225A-4D87-ADDA-6E4F2B4414BC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7600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B770482F-CCB3-4B7D-8454-DB70EA6B339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9" name="Text Placeholder 7">
            <a:extLst>
              <a:ext uri="{FF2B5EF4-FFF2-40B4-BE49-F238E27FC236}">
                <a16:creationId xmlns:a16="http://schemas.microsoft.com/office/drawing/2014/main" id="{39E9E977-CEA3-4EC6-B64B-8B752209210F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7600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0" name="Text Placeholder 5">
            <a:extLst>
              <a:ext uri="{FF2B5EF4-FFF2-40B4-BE49-F238E27FC236}">
                <a16:creationId xmlns:a16="http://schemas.microsoft.com/office/drawing/2014/main" id="{C1010C08-ED2F-4346-B923-CF1C4233486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31" name="Text Placeholder 7">
            <a:extLst>
              <a:ext uri="{FF2B5EF4-FFF2-40B4-BE49-F238E27FC236}">
                <a16:creationId xmlns:a16="http://schemas.microsoft.com/office/drawing/2014/main" id="{9A0707BB-1CE3-46AA-B7BC-5BE7AF8A6C7E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7600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35959A58-30AE-4118-BE88-ED24FA348376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F561E615-F952-477F-8C9B-46657624D0D6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7600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7" name="Text Placeholder 5">
            <a:extLst>
              <a:ext uri="{FF2B5EF4-FFF2-40B4-BE49-F238E27FC236}">
                <a16:creationId xmlns:a16="http://schemas.microsoft.com/office/drawing/2014/main" id="{E7F1059D-1183-42ED-8503-3865336F7102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19680161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/>
          <a:p>
            <a:r>
              <a:rPr lang="en-US"/>
              <a:t>Click icon to add media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54535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83E9D99F-0012-4E73-A817-39C3B2316B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nb-NO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76539932-1E73-416C-8188-05D9D9AB2176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CDF75CAD-AF26-4B2E-A1D7-033275C9808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4" name="Text Placeholder 7">
            <a:extLst>
              <a:ext uri="{FF2B5EF4-FFF2-40B4-BE49-F238E27FC236}">
                <a16:creationId xmlns:a16="http://schemas.microsoft.com/office/drawing/2014/main" id="{5578FDE3-879E-4781-9E54-49B9F581D624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CEC2E523-2461-4546-8557-352F64BC07AF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6" name="Text Placeholder 7">
            <a:extLst>
              <a:ext uri="{FF2B5EF4-FFF2-40B4-BE49-F238E27FC236}">
                <a16:creationId xmlns:a16="http://schemas.microsoft.com/office/drawing/2014/main" id="{EA36C350-37EB-4618-9718-4836D79EF3EB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0C772AAB-162D-415B-AD04-9197D0E93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8FDE23EB-7781-47C5-8E9D-5ECB5CACE7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C25A96DF-E25B-493F-9B08-34427FD0124C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3" name="Picture Placeholder 5">
            <a:extLst>
              <a:ext uri="{FF2B5EF4-FFF2-40B4-BE49-F238E27FC236}">
                <a16:creationId xmlns:a16="http://schemas.microsoft.com/office/drawing/2014/main" id="{4B688F53-BBB1-445E-A6F3-E882BF4350CF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B7F89116-451F-4DD0-89B2-164F33BA6B05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6" name="Picture Placeholder 5">
            <a:extLst>
              <a:ext uri="{FF2B5EF4-FFF2-40B4-BE49-F238E27FC236}">
                <a16:creationId xmlns:a16="http://schemas.microsoft.com/office/drawing/2014/main" id="{8632DFC8-C898-4272-AAA3-FAD775176DD5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DED5923B-5AAF-4245-877F-42ACB4621ECD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9" name="Picture Placeholder 5">
            <a:extLst>
              <a:ext uri="{FF2B5EF4-FFF2-40B4-BE49-F238E27FC236}">
                <a16:creationId xmlns:a16="http://schemas.microsoft.com/office/drawing/2014/main" id="{DDA51DB5-67DF-4204-8F10-9CCD29DCCCB7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31" name="Text Placeholder 5">
            <a:extLst>
              <a:ext uri="{FF2B5EF4-FFF2-40B4-BE49-F238E27FC236}">
                <a16:creationId xmlns:a16="http://schemas.microsoft.com/office/drawing/2014/main" id="{DDC7ECDF-DFCF-4BD8-B37A-1D7F2B6B18D1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32" name="Picture Placeholder 5">
            <a:extLst>
              <a:ext uri="{FF2B5EF4-FFF2-40B4-BE49-F238E27FC236}">
                <a16:creationId xmlns:a16="http://schemas.microsoft.com/office/drawing/2014/main" id="{DD1D1FBC-C20C-41F8-BFCD-83937A110CAB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693853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A7B3EC54-C1D9-4993-BCF2-0F580D9823AB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90A882E4-74CE-4D92-BC8D-06B977AEB6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B11BCFA-81AC-404C-B12E-AB24A852C2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113852648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08837074-A41C-4499-BC7D-9E0AF85D67FB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474BC7-695C-44CF-B728-5A6596373B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604936F4-C83E-4EE0-B9AC-7015095748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56868897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49813770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sz="390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917206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585063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B5E9D0-5AD0-4620-898F-B8CBAD3BCB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31B4F5CB-508E-40CD-99E9-A75C5CF5181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3850776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54535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6BA452CE-6521-4710-BBBF-4AE21A3DDE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0597384E-57FD-4F04-8C50-6AF0A2BD8C6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818702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022499" y="6354535"/>
            <a:ext cx="342401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83E9D99F-0012-4E73-A817-39C3B2316B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B691721E-7EAA-4CAE-8AD6-46313E87B52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A0E397CE-3BE9-4B6D-A6CA-DA7C6931A23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48FCAF9-0444-4E65-BC4B-318753FE8C1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8278C-DF93-4814-8B34-D031DEE1A18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322455142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01778374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5C7DF1C5-A62B-48F2-8482-9AFA5987E9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4553233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55B705F1-BD8F-4927-980D-9E3C23775A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384918506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0E0D9193-69AD-43FB-9918-A2B2914589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571068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5" name="Slide Number Placeholder 5">
            <a:extLst>
              <a:ext uri="{FF2B5EF4-FFF2-40B4-BE49-F238E27FC236}">
                <a16:creationId xmlns:a16="http://schemas.microsoft.com/office/drawing/2014/main" id="{C4B1CCD6-DE24-4885-B377-F22C82601B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36821319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BC6E86D0-4AE7-46BC-A435-E79A60A5FA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99304862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2" name="Slide Number Placeholder 5">
            <a:extLst>
              <a:ext uri="{FF2B5EF4-FFF2-40B4-BE49-F238E27FC236}">
                <a16:creationId xmlns:a16="http://schemas.microsoft.com/office/drawing/2014/main" id="{2B10A327-405D-42CA-9F67-2AF8ABA213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218888475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1E09ED89-26A1-4FE1-A40F-EB42F632CD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61820902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7600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2" name="Slide Number Placeholder 5">
            <a:extLst>
              <a:ext uri="{FF2B5EF4-FFF2-40B4-BE49-F238E27FC236}">
                <a16:creationId xmlns:a16="http://schemas.microsoft.com/office/drawing/2014/main" id="{15589A20-B34D-47F9-883F-6C734E90FE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410499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61A31FA8-45E7-4F21-920C-1CD45F20D7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29663524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61A31FA8-45E7-4F21-920C-1CD45F20D7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122571243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19E40C-11F9-4CC9-A0F5-A28346A4DD6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0164089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5C7DF1C5-A62B-48F2-8482-9AFA5987E9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66737403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sz="390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49069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EDC10EC-BA55-4582-BC51-54300AEE4C9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0BAEDA-2B5E-4C83-9161-0B871B632C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6A8768F7-4F61-452F-97F4-CD044C0D0A8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EE680BC7-0AE6-49D6-858B-724F45AAF5CC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1404883753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9">
            <a:extLst>
              <a:ext uri="{FF2B5EF4-FFF2-40B4-BE49-F238E27FC236}">
                <a16:creationId xmlns:a16="http://schemas.microsoft.com/office/drawing/2014/main" id="{3A9B36A6-D5A0-40FE-A730-776C70C5C3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ED734173-A9DF-4717-B0CC-3C74C1FDD3F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B800CB92-A772-4828-9BC6-19018BF2A01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A99B8A2E-FE6B-40DC-8F5F-468642CA5E0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1287977263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4">
            <a:extLst>
              <a:ext uri="{FF2B5EF4-FFF2-40B4-BE49-F238E27FC236}">
                <a16:creationId xmlns:a16="http://schemas.microsoft.com/office/drawing/2014/main" id="{D2D6A4DA-EB35-4A5F-AB92-FFD4A8A4703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E59E71D6-A296-45FF-BE39-C58F62C9ADD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FBCC5FB7-980F-4EEB-91C3-6E9E337ECE0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1D69B032-6E02-47D0-BA7F-1D887A285A3D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3345920740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7E53C3F6-D88E-487C-B6DF-BA84D3CDBE6E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endParaRPr lang="nb-NO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BE00044-7D51-4DCD-96F4-EEEBB6479F74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985400397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C33E9E45-6CEA-4092-8861-897D476EFECA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  <a:prstGeom prst="rect">
            <a:avLst/>
          </a:prstGeom>
        </p:spPr>
        <p:txBody>
          <a:bodyPr/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9695" y="2266950"/>
            <a:ext cx="5336305" cy="39100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141365888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34BE0FA2-6731-490B-A8AE-529FD3A1287C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444DAB5-754B-4A6F-B710-754439ADF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3A8F863F-3ACF-4957-A9A6-A89D8AA0A8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2626950569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43FC889A-B218-460E-BA8D-2E419FFE9EBD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38A2C9-456E-4D4E-94D6-AED12A02C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0EE22A6A-0A3A-4F38-94A9-28038AC01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4A462DB3-E68E-4AB4-9C93-064327EA7E6C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9922B3F0-06D5-4753-B10F-A22AC78E4C06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4244194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E91243C8-094D-4661-BCD1-18F08E1D0EB4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4" name="Slide Number Placeholder 5">
            <a:extLst>
              <a:ext uri="{FF2B5EF4-FFF2-40B4-BE49-F238E27FC236}">
                <a16:creationId xmlns:a16="http://schemas.microsoft.com/office/drawing/2014/main" id="{6FB1CFDE-A2D9-4ED8-8F76-8AA59BBB3C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BE5BC05-43BB-4A68-BCE7-66AB4600E8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960DF13D-F139-4941-BBE3-B8CEC4D8A189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4B456DA-80EA-425C-A234-5FD5B1D3578D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1AE61440-BA51-47B3-8411-D11456A033C6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65906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55B705F1-BD8F-4927-980D-9E3C23775A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4DB12D64-A689-4B60-90C3-B38151753D1E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919B3BBC-3D41-4921-8659-202A81014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261063B8-8B1C-473D-BF7A-138131F03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41C31B6B-6FA0-4D20-871D-097EEB559C6D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3017EFE-25AB-43D8-BC14-A9F3612FEA9C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F4276D84-B999-403B-AB64-6C437152146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A71538D3-586D-494E-B89E-8380313D69D2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5171294F-D84E-4A6F-870E-59E9DBCCA8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EF101C2C-0C77-447C-BA84-1AABEF6FE385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EBB600D2-A0F5-4B88-8C17-3CD0807F9ED9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B32EF8FC-B8B0-4AD1-8E82-18EFC5E83E6B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32129226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1AF60F12-861B-46AE-AD59-6E077CD6FC5A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1B66DEC5-A299-4233-BF59-D0200E69F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36E6D055-A78F-43F7-99EB-B44D7879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7B4C10E-44E8-4316-ADBF-4176B85E996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C263C971-72D9-417A-838C-6B7D53DD9AB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A73A6F4C-9B53-4890-BE7B-A022FB064A4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0EABF451-A30A-4B70-A311-E02AA51BD73F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00C50359-0B90-473E-B638-5C6E12F4E58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12F0BFF5-0BE5-4A17-AD0B-2973A016BC85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FE9BE84A-8A6C-41DD-B315-07B16189200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847321C3-4154-44B3-ABFA-277BCB352EE8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8B6C8C90-DD52-4FC6-A7FC-0CA1F6B30600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172B1DA1-AA1E-4C2A-B921-AD87D5A4E0B4}"/>
              </a:ext>
            </a:extLst>
          </p:cNvPr>
          <p:cNvSpPr>
            <a:spLocks noGrp="1"/>
          </p:cNvSpPr>
          <p:nvPr>
            <p:ph idx="27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55026061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1A4CE8CD-E824-4F9A-B438-8771D59AACEB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47B43333-FEED-49FB-BE24-313277381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FD57A55-73BA-450A-9273-24975A7F5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85BC3D22-7859-41A6-92FD-93C0927C8E6E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AE4DB8F-1F65-4E96-89C3-A53D396362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37A4E066-E94C-48EF-AFA8-D2837BC7D68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E976DF51-5EA0-4493-B932-EBF3AB395507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19048163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4E7909E5-F9C9-4D07-9C78-D75C7C372A36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A2C02546-FB88-4A2F-8539-75C6D57D7B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D9E60C3C-3A07-409E-8AE9-F1074D1B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25" name="Text Placeholder 7">
            <a:extLst>
              <a:ext uri="{FF2B5EF4-FFF2-40B4-BE49-F238E27FC236}">
                <a16:creationId xmlns:a16="http://schemas.microsoft.com/office/drawing/2014/main" id="{491A31F3-225A-4D87-ADDA-6E4F2B4414BC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B770482F-CCB3-4B7D-8454-DB70EA6B339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9" name="Text Placeholder 7">
            <a:extLst>
              <a:ext uri="{FF2B5EF4-FFF2-40B4-BE49-F238E27FC236}">
                <a16:creationId xmlns:a16="http://schemas.microsoft.com/office/drawing/2014/main" id="{39E9E977-CEA3-4EC6-B64B-8B752209210F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0" name="Text Placeholder 5">
            <a:extLst>
              <a:ext uri="{FF2B5EF4-FFF2-40B4-BE49-F238E27FC236}">
                <a16:creationId xmlns:a16="http://schemas.microsoft.com/office/drawing/2014/main" id="{C1010C08-ED2F-4346-B923-CF1C4233486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31" name="Text Placeholder 7">
            <a:extLst>
              <a:ext uri="{FF2B5EF4-FFF2-40B4-BE49-F238E27FC236}">
                <a16:creationId xmlns:a16="http://schemas.microsoft.com/office/drawing/2014/main" id="{9A0707BB-1CE3-46AA-B7BC-5BE7AF8A6C7E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35959A58-30AE-4118-BE88-ED24FA348376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F561E615-F952-477F-8C9B-46657624D0D6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accent3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7" name="Text Placeholder 5">
            <a:extLst>
              <a:ext uri="{FF2B5EF4-FFF2-40B4-BE49-F238E27FC236}">
                <a16:creationId xmlns:a16="http://schemas.microsoft.com/office/drawing/2014/main" id="{E7F1059D-1183-42ED-8503-3865336F7102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2881194976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7273C3C7-FBB3-4C0A-8AF6-851BF400EFCD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CDF75CAD-AF26-4B2E-A1D7-033275C98088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4" name="Text Placeholder 7">
            <a:extLst>
              <a:ext uri="{FF2B5EF4-FFF2-40B4-BE49-F238E27FC236}">
                <a16:creationId xmlns:a16="http://schemas.microsoft.com/office/drawing/2014/main" id="{5578FDE3-879E-4781-9E54-49B9F581D624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CEC2E523-2461-4546-8557-352F64BC07AF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6" name="Text Placeholder 7">
            <a:extLst>
              <a:ext uri="{FF2B5EF4-FFF2-40B4-BE49-F238E27FC236}">
                <a16:creationId xmlns:a16="http://schemas.microsoft.com/office/drawing/2014/main" id="{EA36C350-37EB-4618-9718-4836D79EF3EB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0C772AAB-162D-415B-AD04-9197D0E93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8FDE23EB-7781-47C5-8E9D-5ECB5CACE7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C25A96DF-E25B-493F-9B08-34427FD0124C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3" name="Picture Placeholder 5">
            <a:extLst>
              <a:ext uri="{FF2B5EF4-FFF2-40B4-BE49-F238E27FC236}">
                <a16:creationId xmlns:a16="http://schemas.microsoft.com/office/drawing/2014/main" id="{4B688F53-BBB1-445E-A6F3-E882BF4350CF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B7F89116-451F-4DD0-89B2-164F33BA6B05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6" name="Picture Placeholder 5">
            <a:extLst>
              <a:ext uri="{FF2B5EF4-FFF2-40B4-BE49-F238E27FC236}">
                <a16:creationId xmlns:a16="http://schemas.microsoft.com/office/drawing/2014/main" id="{8632DFC8-C898-4272-AAA3-FAD775176DD5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DED5923B-5AAF-4245-877F-42ACB4621ECD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9" name="Picture Placeholder 5">
            <a:extLst>
              <a:ext uri="{FF2B5EF4-FFF2-40B4-BE49-F238E27FC236}">
                <a16:creationId xmlns:a16="http://schemas.microsoft.com/office/drawing/2014/main" id="{DDA51DB5-67DF-4204-8F10-9CCD29DCCCB7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31" name="Text Placeholder 5">
            <a:extLst>
              <a:ext uri="{FF2B5EF4-FFF2-40B4-BE49-F238E27FC236}">
                <a16:creationId xmlns:a16="http://schemas.microsoft.com/office/drawing/2014/main" id="{DDC7ECDF-DFCF-4BD8-B37A-1D7F2B6B18D1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32" name="Picture Placeholder 5">
            <a:extLst>
              <a:ext uri="{FF2B5EF4-FFF2-40B4-BE49-F238E27FC236}">
                <a16:creationId xmlns:a16="http://schemas.microsoft.com/office/drawing/2014/main" id="{DD1D1FBC-C20C-41F8-BFCD-83937A110CAB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0551681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B6313F33-014B-48C2-AF77-EABE3C6C0B91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90A882E4-74CE-4D92-BC8D-06B977AEB6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B11BCFA-81AC-404C-B12E-AB24A852C2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706262171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42234893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sz="390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3075594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EDC10EC-BA55-4582-BC51-54300AEE4C9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0BAEDA-2B5E-4C83-9161-0B871B632C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9977C2C-E54D-42E2-8519-62F412D90FA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1587017909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9">
            <a:extLst>
              <a:ext uri="{FF2B5EF4-FFF2-40B4-BE49-F238E27FC236}">
                <a16:creationId xmlns:a16="http://schemas.microsoft.com/office/drawing/2014/main" id="{3A9B36A6-D5A0-40FE-A730-776C70C5C3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32F43D5C-0EE2-416D-99BE-FC9B2690B9A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63A9BE1B-C1AC-447C-B9B0-61A2C5EC59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8C702A21-54C4-4E6E-A341-6F26866493C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17791218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0E0D9193-69AD-43FB-9918-A2B2914589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4">
            <a:extLst>
              <a:ext uri="{FF2B5EF4-FFF2-40B4-BE49-F238E27FC236}">
                <a16:creationId xmlns:a16="http://schemas.microsoft.com/office/drawing/2014/main" id="{C596F089-CB50-4BB4-826E-0BA7AB0E2B43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07FCA280-BAF8-4F6A-9ECF-D48AB3D85445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041968C-E5FB-44BF-A6C2-381A220BC63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rgbClr val="05427C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3B512A06-1BC6-4716-8001-8E6B1F679E3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2523946378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1563B9D7-E2D5-4EF8-A805-82E777AA0ACF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endParaRPr lang="nb-NO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39BBAFB-B206-4C11-94AA-CA89A2C7C53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95835348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A80C2787-E344-4FFD-8E3C-CFF5DB5A4D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  <a:prstGeom prst="rect">
            <a:avLst/>
          </a:prstGeom>
        </p:spPr>
        <p:txBody>
          <a:bodyPr/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9695" y="2266950"/>
            <a:ext cx="5336305" cy="39100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82399762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7D41370C-E589-4668-846B-AACA35D2E09D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444DAB5-754B-4A6F-B710-754439ADF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3A8F863F-3ACF-4957-A9A6-A89D8AA0A8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897780765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81F69D9F-35F2-4ACE-B644-BC3EC1B4882C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38A2C9-456E-4D4E-94D6-AED12A02C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0EE22A6A-0A3A-4F38-94A9-28038AC01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AC445AE6-D7DD-47D9-BF73-D0DA45501ED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D5517287-395C-4EAB-AF50-F5A4965FBBE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3069216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D9705DC9-F24C-47F5-AF78-A4A2B830F9ED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6539C2E9-4526-4131-81FA-4EE7EC8F8E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B06B10B9-1BC9-44F1-8E43-97FD582B5B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2A44CEF8-AF52-40E1-914A-F5CFC6AF9CCE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12564407-DFED-496B-AE4A-261A5B30866C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F0E1FC8A-7D21-4C7C-87EA-26724AAC9BD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86948816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E0DF8A73-4CDA-4FFD-B8F2-615BBD39F75E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919B3BBC-3D41-4921-8659-202A81014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261063B8-8B1C-473D-BF7A-138131F03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A524513D-6FF7-48BC-BAE3-8E542DF29263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04BAAE9A-D91F-45CB-A264-9BD8266ECE69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EBEE8363-A38B-40A1-A806-BF744171A874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628F7A08-CB5B-4472-9776-01604FD6315E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2B55B6B1-E6F5-4B52-A25A-FD59A13B7DB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75D3A50D-E2FF-43E9-8059-02FE56F7BB43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16E2E545-4D2A-473F-A0F8-28ACC650132D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A521A450-07FA-499D-947D-F138D5782B9C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129478693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DADAD05F-A24D-44A2-9A5C-C155B948CC83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1B66DEC5-A299-4233-BF59-D0200E69F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36E6D055-A78F-43F7-99EB-B44D7879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388A12CA-B6AC-434A-A34A-382A896B507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02F0DE9F-DCE0-402C-8968-B3030495739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AE057EF5-1196-4727-A351-44BE722F0A8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B59B51DE-542A-442E-B679-6642A870CE0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9B89C9B0-02D8-48FF-A616-ACAF8B8E5D2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4D172A04-205A-49F8-9A9E-DEB31E7D6E50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10D119EE-F4E6-4C79-AB30-AA8CC8A192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D108FA76-49DF-4930-BE24-E6EECCB05061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13C3BE62-33C9-4E17-9F44-9DA892439753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C9C9F064-2396-4E8A-97DF-16AFC36785A2}"/>
              </a:ext>
            </a:extLst>
          </p:cNvPr>
          <p:cNvSpPr>
            <a:spLocks noGrp="1"/>
          </p:cNvSpPr>
          <p:nvPr>
            <p:ph idx="27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61812311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58654762-955C-4ABD-9BF2-B17327BFCD0D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47B43333-FEED-49FB-BE24-313277381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FD57A55-73BA-450A-9273-24975A7F5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2CEB43A-FAE8-4C46-B9C4-7DF1086D0C26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09E6B0B1-FB2E-4C05-902A-47D031174D6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32FCE352-E1C6-46C2-B469-21C5CBF5BE89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4F22031F-4052-468A-A75E-95AA23744268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908257773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53962625-4800-497B-B1DD-9317DEF669C0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A2C02546-FB88-4A2F-8539-75C6D57D7B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D9E60C3C-3A07-409E-8AE9-F1074D1B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25" name="Text Placeholder 7">
            <a:extLst>
              <a:ext uri="{FF2B5EF4-FFF2-40B4-BE49-F238E27FC236}">
                <a16:creationId xmlns:a16="http://schemas.microsoft.com/office/drawing/2014/main" id="{432BA7E2-390F-4CFC-857B-3CCEA4DBE8E0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accent1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41EDC9FE-2330-494C-B6AD-A0DCAC186FB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9" name="Text Placeholder 7">
            <a:extLst>
              <a:ext uri="{FF2B5EF4-FFF2-40B4-BE49-F238E27FC236}">
                <a16:creationId xmlns:a16="http://schemas.microsoft.com/office/drawing/2014/main" id="{B7861BBB-75C1-4216-9A2F-BE6903C3D39B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accent1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0" name="Text Placeholder 5">
            <a:extLst>
              <a:ext uri="{FF2B5EF4-FFF2-40B4-BE49-F238E27FC236}">
                <a16:creationId xmlns:a16="http://schemas.microsoft.com/office/drawing/2014/main" id="{654C3AEF-69C2-447F-8AF6-9A780C2B3095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31" name="Text Placeholder 7">
            <a:extLst>
              <a:ext uri="{FF2B5EF4-FFF2-40B4-BE49-F238E27FC236}">
                <a16:creationId xmlns:a16="http://schemas.microsoft.com/office/drawing/2014/main" id="{E3C53F12-D83F-46B0-8106-A01E198BFB3E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accent1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14C5D210-242E-4C48-8A9C-F4E7D540F25F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752577FB-CDA8-4598-A000-21C8C2535458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accent1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7" name="Text Placeholder 5">
            <a:extLst>
              <a:ext uri="{FF2B5EF4-FFF2-40B4-BE49-F238E27FC236}">
                <a16:creationId xmlns:a16="http://schemas.microsoft.com/office/drawing/2014/main" id="{5ADF1E31-652B-4324-AA53-A4BAA77781CB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316236596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Slide Number Placeholder 5">
            <a:extLst>
              <a:ext uri="{FF2B5EF4-FFF2-40B4-BE49-F238E27FC236}">
                <a16:creationId xmlns:a16="http://schemas.microsoft.com/office/drawing/2014/main" id="{C4B1CCD6-DE24-4885-B377-F22C82601B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5CF7FF69-CA9E-4BD9-80AF-99F9F21A1438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8E41E582-DD1E-450F-95B8-8FF9EF4E43A0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4" name="Text Placeholder 7">
            <a:extLst>
              <a:ext uri="{FF2B5EF4-FFF2-40B4-BE49-F238E27FC236}">
                <a16:creationId xmlns:a16="http://schemas.microsoft.com/office/drawing/2014/main" id="{08062B5F-ED57-4B8F-856B-7AD53A9A8791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C1F30E64-C65F-4DC5-8FC4-6E4A93A171CD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6" name="Text Placeholder 7">
            <a:extLst>
              <a:ext uri="{FF2B5EF4-FFF2-40B4-BE49-F238E27FC236}">
                <a16:creationId xmlns:a16="http://schemas.microsoft.com/office/drawing/2014/main" id="{3570C7A7-04CB-4FBD-A14E-3F4BD39E4DB4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0C772AAB-162D-415B-AD04-9197D0E93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8FDE23EB-7781-47C5-8E9D-5ECB5CACE7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807F5410-670B-47C7-B27C-8C5BD0BA28C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3" name="Picture Placeholder 5">
            <a:extLst>
              <a:ext uri="{FF2B5EF4-FFF2-40B4-BE49-F238E27FC236}">
                <a16:creationId xmlns:a16="http://schemas.microsoft.com/office/drawing/2014/main" id="{3B6286DA-C15D-464F-8B66-E0C6C8C50960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2415E9FD-3BED-4C9A-98A2-0911B7DEE21C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6" name="Picture Placeholder 5">
            <a:extLst>
              <a:ext uri="{FF2B5EF4-FFF2-40B4-BE49-F238E27FC236}">
                <a16:creationId xmlns:a16="http://schemas.microsoft.com/office/drawing/2014/main" id="{B2D57D5B-4726-4083-9CCC-4F783653593C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EEC47C67-C018-4A0A-8839-ADAFC4EAD193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9" name="Picture Placeholder 5">
            <a:extLst>
              <a:ext uri="{FF2B5EF4-FFF2-40B4-BE49-F238E27FC236}">
                <a16:creationId xmlns:a16="http://schemas.microsoft.com/office/drawing/2014/main" id="{B713BD22-88F8-4D3F-BB22-5CFB96A97E62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31" name="Text Placeholder 5">
            <a:extLst>
              <a:ext uri="{FF2B5EF4-FFF2-40B4-BE49-F238E27FC236}">
                <a16:creationId xmlns:a16="http://schemas.microsoft.com/office/drawing/2014/main" id="{03A49B62-A09E-492A-B2FC-5D9E7FE30D3F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32" name="Picture Placeholder 5">
            <a:extLst>
              <a:ext uri="{FF2B5EF4-FFF2-40B4-BE49-F238E27FC236}">
                <a16:creationId xmlns:a16="http://schemas.microsoft.com/office/drawing/2014/main" id="{3D41C0D4-79F3-41F2-BF1A-DBC8EAA69086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918460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408B9F34-CA18-491B-8812-2410665F78AF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90A882E4-74CE-4D92-BC8D-06B977AEB6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B11BCFA-81AC-404C-B12E-AB24A852C2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237505033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BA9D6265-6AC9-4D3E-A728-0EB4D2DB769A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377D4D7-BF7F-4B6E-9320-5A9A4170B2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D31FBA88-0D81-4ADC-A8B5-4D82F01D13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1706378664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342785436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2721114"/>
            <a:ext cx="4114800" cy="1200329"/>
          </a:xfrm>
        </p:spPr>
        <p:txBody>
          <a:bodyPr>
            <a:noAutofit/>
          </a:bodyPr>
          <a:lstStyle>
            <a:lvl1pPr algn="ctr">
              <a:defRPr sz="39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  <a:endParaRPr lang="nb-NO" sz="390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6596133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1EDC10EC-BA55-4582-BC51-54300AEE4C9D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341448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0BAEDA-2B5E-4C83-9161-0B871B632C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DAF1BB-D4DD-4390-8C59-BBD2D2C67E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E9977C2C-E54D-42E2-8519-62F412D90FA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3662798"/>
            <a:ext cx="3414486" cy="1066446"/>
          </a:xfrm>
        </p:spPr>
        <p:txBody>
          <a:bodyPr lIns="0" tIns="0" rIns="0" bIns="0" anchor="b">
            <a:no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3861079065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9">
            <a:extLst>
              <a:ext uri="{FF2B5EF4-FFF2-40B4-BE49-F238E27FC236}">
                <a16:creationId xmlns:a16="http://schemas.microsoft.com/office/drawing/2014/main" id="{3A9B36A6-D5A0-40FE-A730-776C70C5C38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9E037FDB-105B-4BDE-A10D-A541CB00C2BA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1FAC7270-7163-457D-BD5C-6B865D68945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8DAB792D-3390-4701-BA52-510515F3460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660796160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4">
            <a:extLst>
              <a:ext uri="{FF2B5EF4-FFF2-40B4-BE49-F238E27FC236}">
                <a16:creationId xmlns:a16="http://schemas.microsoft.com/office/drawing/2014/main" id="{97A4C67A-08FD-4860-9536-7E7CAE860C35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-1" y="0"/>
            <a:ext cx="12192000" cy="6858000"/>
          </a:xfrm>
        </p:spPr>
        <p:txBody>
          <a:bodyPr/>
          <a:lstStyle/>
          <a:p>
            <a:endParaRPr lang="en-US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C938A1AD-2509-4CA1-B27D-7E0BD1327B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489B8CA1-E5FC-4203-8AD2-C94205CC8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B8C39887-86FF-4030-BA98-D7D2BDB86294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B44766F0-8E9C-4219-AE4F-DB1298079BB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1F14A4D1-71DD-4A5A-9DD5-C29D6724E39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</a:p>
        </p:txBody>
      </p:sp>
    </p:spTree>
    <p:extLst>
      <p:ext uri="{BB962C8B-B14F-4D97-AF65-F5344CB8AC3E}">
        <p14:creationId xmlns:p14="http://schemas.microsoft.com/office/powerpoint/2010/main" val="2581273029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1C4EEE55-4E46-4205-84C9-1290ECE2306F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endParaRPr lang="nb-NO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304C863-E43F-403F-BE4B-4893A5E527A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759695" y="2266950"/>
            <a:ext cx="10712215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597010272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0B3C5F1A-6408-4098-96AF-6FC0AD1AFDB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</p:spPr>
        <p:txBody>
          <a:bodyPr/>
          <a:lstStyle>
            <a:lvl1pPr>
              <a:buNone/>
              <a:defRPr/>
            </a:lvl1pPr>
          </a:lstStyle>
          <a:p>
            <a:pPr lvl="0"/>
            <a:r>
              <a:rPr lang="nb-NO"/>
              <a:t> </a:t>
            </a:r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329488" y="0"/>
            <a:ext cx="4862512" cy="6858000"/>
          </a:xfrm>
          <a:prstGeom prst="rect">
            <a:avLst/>
          </a:prstGeom>
        </p:spPr>
        <p:txBody>
          <a:bodyPr/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9695" y="2266950"/>
            <a:ext cx="5336305" cy="3910012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D43112DF-4C01-44A3-B0E0-03124C18C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316CC25-277B-403B-95B4-97DF2D85F7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41774526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nb-NO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BC6E86D0-4AE7-46BC-A435-E79A60A5FA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354535"/>
            <a:ext cx="3424012" cy="215444"/>
          </a:xfrm>
          <a:prstGeom prst="rect">
            <a:avLst/>
          </a:prstGeom>
        </p:spPr>
        <p:txBody>
          <a:bodyPr lIns="0" tIns="0" rIns="0" bIns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5CD7B0C3-2697-4946-8F40-CCF394F9F026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F444DAB5-754B-4A6F-B710-754439ADF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3A8F863F-3ACF-4957-A9A6-A89D8AA0A8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940216924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A27D1D27-C10F-42B6-8E25-F990C63B7924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5149124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3517900"/>
            <a:ext cx="5149126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438A2C9-456E-4D4E-94D6-AED12A02C1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0EE22A6A-0A3A-4F38-94A9-28038AC019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80D5125D-6947-4701-B918-DA187B81411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928FB9B0-B427-4A39-AF0B-4055164E3F68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66065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0389741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94E2699D-53DF-4D78-A9B2-657299B5D442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3517900"/>
            <a:ext cx="306451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+mj-lt"/>
              </a:defRPr>
            </a:lvl1pPr>
            <a:lvl2pPr>
              <a:defRPr>
                <a:latin typeface="+mj-lt"/>
              </a:defRPr>
            </a:lvl2pPr>
            <a:lvl3pPr>
              <a:defRPr>
                <a:latin typeface="+mj-lt"/>
              </a:defRPr>
            </a:lvl3pPr>
            <a:lvl4pPr>
              <a:defRPr>
                <a:latin typeface="+mj-lt"/>
              </a:defRPr>
            </a:lvl4pPr>
            <a:lvl5pPr>
              <a:defRPr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53CE565C-6BB2-4F3F-A4B5-49A10869DD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8" name="Footer Placeholder 4">
            <a:extLst>
              <a:ext uri="{FF2B5EF4-FFF2-40B4-BE49-F238E27FC236}">
                <a16:creationId xmlns:a16="http://schemas.microsoft.com/office/drawing/2014/main" id="{5D1C62CB-4861-42BA-86C9-66578294B2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90EF9EBB-11EC-48E8-A2D5-E1E1F70248F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55C8EE60-2461-4652-956D-D3C5C6E4EA42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5" name="Text Placeholder 5">
            <a:extLst>
              <a:ext uri="{FF2B5EF4-FFF2-40B4-BE49-F238E27FC236}">
                <a16:creationId xmlns:a16="http://schemas.microsoft.com/office/drawing/2014/main" id="{FAE5D71D-8B4A-4368-9659-602E5883512F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266065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9116253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508FA48D-5A0A-444D-A93F-1AA25D763035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919B3BBC-3D41-4921-8659-202A810149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0" name="Footer Placeholder 4">
            <a:extLst>
              <a:ext uri="{FF2B5EF4-FFF2-40B4-BE49-F238E27FC236}">
                <a16:creationId xmlns:a16="http://schemas.microsoft.com/office/drawing/2014/main" id="{261063B8-8B1C-473D-BF7A-138131F03E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1AB2B439-D573-4A4D-A84B-063BDFA746DB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D4BE219F-1CAC-4387-9766-612B55A95D78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37043883-16F3-4715-B742-AD1616825421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8303811B-6B5C-4101-B2A7-C55397A2F31E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66065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82868169-3410-4EF1-BA5F-429998274B2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4" name="Text Placeholder 2">
            <a:extLst>
              <a:ext uri="{FF2B5EF4-FFF2-40B4-BE49-F238E27FC236}">
                <a16:creationId xmlns:a16="http://schemas.microsoft.com/office/drawing/2014/main" id="{941253DA-E054-452C-875C-704611FF0487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3594819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E8DEF0CA-91D7-4F15-8F05-596680D750DB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6431448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E5191FF9-C1C2-496E-B4D1-DDEB8CED6245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9278257" y="3517900"/>
            <a:ext cx="2231753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612612124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>
            <a:extLst>
              <a:ext uri="{FF2B5EF4-FFF2-40B4-BE49-F238E27FC236}">
                <a16:creationId xmlns:a16="http://schemas.microsoft.com/office/drawing/2014/main" id="{AF9463BF-9611-4FCA-A904-40D95FB42B30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1B66DEC5-A299-4233-BF59-D0200E69F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36E6D055-A78F-43F7-99EB-B44D7879B8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003D7BBE-8D01-4F71-8A29-6C8061DDD47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91275FB3-AF6E-4E3B-B094-392FEF357B0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E8D52CC8-28B8-4394-8F59-F5028F9CC34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DD6C3E75-5888-4772-809E-57DD8A0D580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32A102E-C654-48D0-9A5E-0CAF2474263B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66065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9CEDFA1A-4CCA-42FF-8B8F-E1F4A98C5258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758191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6" name="Text Placeholder 2">
            <a:extLst>
              <a:ext uri="{FF2B5EF4-FFF2-40B4-BE49-F238E27FC236}">
                <a16:creationId xmlns:a16="http://schemas.microsoft.com/office/drawing/2014/main" id="{2A7EE81D-44F6-4384-9947-8BF868574C5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7" name="Text Placeholder 2">
            <a:extLst>
              <a:ext uri="{FF2B5EF4-FFF2-40B4-BE49-F238E27FC236}">
                <a16:creationId xmlns:a16="http://schemas.microsoft.com/office/drawing/2014/main" id="{79F8FB6E-D2F7-4EC5-87BD-1F47FBF6BF6E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5204587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26A0BB0C-C996-485F-8DF9-24F1D2020465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7427785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34DFE7FF-F7C3-47DC-87B4-8B3F8FDDC816}"/>
              </a:ext>
            </a:extLst>
          </p:cNvPr>
          <p:cNvSpPr>
            <a:spLocks noGrp="1"/>
          </p:cNvSpPr>
          <p:nvPr>
            <p:ph idx="27"/>
          </p:nvPr>
        </p:nvSpPr>
        <p:spPr>
          <a:xfrm>
            <a:off x="9650983" y="3517900"/>
            <a:ext cx="1843430" cy="26511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721963667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E0948455-6B92-416A-A5C5-D13B7F0F7BD7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47B43333-FEED-49FB-BE24-313277381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2FD57A55-73BA-450A-9273-24975A7F5E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BA8E9A2D-4161-4A14-9E69-5A8957C4AAE6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5E489AFF-3FB5-47A1-BFB6-6130AB1CA4D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4F4CAE21-B3FD-4DB8-BD7A-BAD99D908175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1C795150-07CA-4DB9-B9BC-4F50029751A9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+mj-lt"/>
              </a:defRPr>
            </a:lvl1pPr>
            <a:lvl2pPr>
              <a:defRPr sz="1800">
                <a:latin typeface="+mj-lt"/>
              </a:defRPr>
            </a:lvl2pPr>
            <a:lvl3pPr>
              <a:defRPr sz="1600">
                <a:latin typeface="+mj-lt"/>
              </a:defRPr>
            </a:lvl3pPr>
            <a:lvl4pPr>
              <a:defRPr sz="1500">
                <a:latin typeface="+mj-lt"/>
              </a:defRPr>
            </a:lvl4pPr>
            <a:lvl5pPr>
              <a:defRPr sz="1400"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914837304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D4C7EB17-49CD-4802-9E65-5D00F307D2C2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9" name="Slide Number Placeholder 5">
            <a:extLst>
              <a:ext uri="{FF2B5EF4-FFF2-40B4-BE49-F238E27FC236}">
                <a16:creationId xmlns:a16="http://schemas.microsoft.com/office/drawing/2014/main" id="{A2C02546-FB88-4A2F-8539-75C6D57D7B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D9E60C3C-3A07-409E-8AE9-F1074D1B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25" name="Text Placeholder 7">
            <a:extLst>
              <a:ext uri="{FF2B5EF4-FFF2-40B4-BE49-F238E27FC236}">
                <a16:creationId xmlns:a16="http://schemas.microsoft.com/office/drawing/2014/main" id="{0162996C-1B26-43A7-961C-49071E860FE8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801570"/>
            <a:ext cx="2247099" cy="4468158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08CDEE43-C4A1-40B4-A181-814C95445C9B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29" name="Text Placeholder 7">
            <a:extLst>
              <a:ext uri="{FF2B5EF4-FFF2-40B4-BE49-F238E27FC236}">
                <a16:creationId xmlns:a16="http://schemas.microsoft.com/office/drawing/2014/main" id="{89C3D278-CD6A-457C-9885-46C0CCA9194B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797709"/>
            <a:ext cx="2247099" cy="4468158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0" name="Text Placeholder 5">
            <a:extLst>
              <a:ext uri="{FF2B5EF4-FFF2-40B4-BE49-F238E27FC236}">
                <a16:creationId xmlns:a16="http://schemas.microsoft.com/office/drawing/2014/main" id="{9717C183-5160-4167-BAA6-2A8B3C495C3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31" name="Text Placeholder 7">
            <a:extLst>
              <a:ext uri="{FF2B5EF4-FFF2-40B4-BE49-F238E27FC236}">
                <a16:creationId xmlns:a16="http://schemas.microsoft.com/office/drawing/2014/main" id="{6A798247-A50A-4CDA-A213-AFA93BA8869E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801570"/>
            <a:ext cx="2247099" cy="4468158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3" name="Text Placeholder 5">
            <a:extLst>
              <a:ext uri="{FF2B5EF4-FFF2-40B4-BE49-F238E27FC236}">
                <a16:creationId xmlns:a16="http://schemas.microsoft.com/office/drawing/2014/main" id="{309617A7-149B-490A-B293-63C814CE6803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1938982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6E1031E6-665F-444C-BCC3-43C37743A121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797709"/>
            <a:ext cx="2247099" cy="4468158"/>
          </a:xfrm>
          <a:prstGeom prst="roundRect">
            <a:avLst/>
          </a:prstGeom>
          <a:solidFill>
            <a:schemeClr val="accent4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en-US"/>
          </a:p>
        </p:txBody>
      </p:sp>
      <p:sp>
        <p:nvSpPr>
          <p:cNvPr id="37" name="Text Placeholder 5">
            <a:extLst>
              <a:ext uri="{FF2B5EF4-FFF2-40B4-BE49-F238E27FC236}">
                <a16:creationId xmlns:a16="http://schemas.microsoft.com/office/drawing/2014/main" id="{D7DAA4C6-B163-4FC9-871E-B25A0C93FA2E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1935121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Text</a:t>
            </a:r>
          </a:p>
        </p:txBody>
      </p:sp>
    </p:spTree>
    <p:extLst>
      <p:ext uri="{BB962C8B-B14F-4D97-AF65-F5344CB8AC3E}">
        <p14:creationId xmlns:p14="http://schemas.microsoft.com/office/powerpoint/2010/main" val="816892688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8EAD0E29-8F74-4988-BBA5-045620273214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391A1907-587F-4AC5-AC4B-C4922EBE1534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4" name="Text Placeholder 7">
            <a:extLst>
              <a:ext uri="{FF2B5EF4-FFF2-40B4-BE49-F238E27FC236}">
                <a16:creationId xmlns:a16="http://schemas.microsoft.com/office/drawing/2014/main" id="{78F095F2-1200-4153-B40B-6070DBD68D25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7">
            <a:extLst>
              <a:ext uri="{FF2B5EF4-FFF2-40B4-BE49-F238E27FC236}">
                <a16:creationId xmlns:a16="http://schemas.microsoft.com/office/drawing/2014/main" id="{EE83CFFA-FA28-4227-B7FD-3CE7E3B02A3A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6" name="Text Placeholder 7">
            <a:extLst>
              <a:ext uri="{FF2B5EF4-FFF2-40B4-BE49-F238E27FC236}">
                <a16:creationId xmlns:a16="http://schemas.microsoft.com/office/drawing/2014/main" id="{4D32ADBD-5B56-428B-A199-9AB7822E3771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21" name="Slide Number Placeholder 5">
            <a:extLst>
              <a:ext uri="{FF2B5EF4-FFF2-40B4-BE49-F238E27FC236}">
                <a16:creationId xmlns:a16="http://schemas.microsoft.com/office/drawing/2014/main" id="{0C772AAB-162D-415B-AD04-9197D0E93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22" name="Footer Placeholder 4">
            <a:extLst>
              <a:ext uri="{FF2B5EF4-FFF2-40B4-BE49-F238E27FC236}">
                <a16:creationId xmlns:a16="http://schemas.microsoft.com/office/drawing/2014/main" id="{8FDE23EB-7781-47C5-8E9D-5ECB5CACE7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19" name="Text Placeholder 5">
            <a:extLst>
              <a:ext uri="{FF2B5EF4-FFF2-40B4-BE49-F238E27FC236}">
                <a16:creationId xmlns:a16="http://schemas.microsoft.com/office/drawing/2014/main" id="{922518DF-DEFB-49ED-BAA2-08B2CF16FAC5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3" name="Picture Placeholder 5">
            <a:extLst>
              <a:ext uri="{FF2B5EF4-FFF2-40B4-BE49-F238E27FC236}">
                <a16:creationId xmlns:a16="http://schemas.microsoft.com/office/drawing/2014/main" id="{3E388245-6EB2-437A-B883-04BFEAFC555A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25" name="Text Placeholder 5">
            <a:extLst>
              <a:ext uri="{FF2B5EF4-FFF2-40B4-BE49-F238E27FC236}">
                <a16:creationId xmlns:a16="http://schemas.microsoft.com/office/drawing/2014/main" id="{6B23AD2F-8AE3-4CA8-B3C0-335391494AAC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6" name="Picture Placeholder 5">
            <a:extLst>
              <a:ext uri="{FF2B5EF4-FFF2-40B4-BE49-F238E27FC236}">
                <a16:creationId xmlns:a16="http://schemas.microsoft.com/office/drawing/2014/main" id="{21D50F64-AE70-4C8E-8972-E0D842014B9D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28" name="Text Placeholder 5">
            <a:extLst>
              <a:ext uri="{FF2B5EF4-FFF2-40B4-BE49-F238E27FC236}">
                <a16:creationId xmlns:a16="http://schemas.microsoft.com/office/drawing/2014/main" id="{85B76F5C-4718-4C5C-8DE6-74F30FB0730B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29" name="Picture Placeholder 5">
            <a:extLst>
              <a:ext uri="{FF2B5EF4-FFF2-40B4-BE49-F238E27FC236}">
                <a16:creationId xmlns:a16="http://schemas.microsoft.com/office/drawing/2014/main" id="{E5FC2B97-FD5C-4B1B-83C4-D5E8EBA684B1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31" name="Text Placeholder 5">
            <a:extLst>
              <a:ext uri="{FF2B5EF4-FFF2-40B4-BE49-F238E27FC236}">
                <a16:creationId xmlns:a16="http://schemas.microsoft.com/office/drawing/2014/main" id="{2594CEE0-C22F-41AE-9205-BC548E9BDF1B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675953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32" name="Picture Placeholder 5">
            <a:extLst>
              <a:ext uri="{FF2B5EF4-FFF2-40B4-BE49-F238E27FC236}">
                <a16:creationId xmlns:a16="http://schemas.microsoft.com/office/drawing/2014/main" id="{94AA23CF-C5D4-4D0B-9372-C27D91E65DD7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1833767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48024836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>
            <a:extLst>
              <a:ext uri="{FF2B5EF4-FFF2-40B4-BE49-F238E27FC236}">
                <a16:creationId xmlns:a16="http://schemas.microsoft.com/office/drawing/2014/main" id="{09BE6C7B-6040-4D94-BFDE-7EBB6B516612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6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351315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1768759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linje</a:t>
            </a:r>
            <a:endParaRPr lang="en-US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35131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en-US"/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90A882E4-74CE-4D92-BC8D-06B977AEB6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B11BCFA-81AC-404C-B12E-AB24A852C2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710491815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1616B51D-CD6E-409B-8889-951D1E6807E5}"/>
              </a:ext>
            </a:extLst>
          </p:cNvPr>
          <p:cNvSpPr/>
          <p:nvPr userDrawn="1"/>
        </p:nvSpPr>
        <p:spPr>
          <a:xfrm>
            <a:off x="0" y="6374606"/>
            <a:ext cx="12192000" cy="483394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b="1" err="1">
              <a:solidFill>
                <a:schemeClr val="tx2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C175CCE-1F6F-48C4-83A8-3D1E980DED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20090" y="6527781"/>
            <a:ext cx="3424012" cy="184666"/>
          </a:xfrm>
          <a:prstGeom prst="rect">
            <a:avLst/>
          </a:prstGeom>
        </p:spPr>
        <p:txBody>
          <a:bodyPr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 sz="140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88EDD400-A9F0-4F1D-A751-248CBEB77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7368542" y="6527781"/>
            <a:ext cx="4066222" cy="193899"/>
          </a:xfrm>
        </p:spPr>
        <p:txBody>
          <a:bodyPr lIns="0" tIns="0" rIns="0" bIns="0" anchor="b">
            <a:noAutofit/>
          </a:bodyPr>
          <a:lstStyle>
            <a:lvl1pPr algn="r">
              <a:lnSpc>
                <a:spcPct val="90000"/>
              </a:lnSpc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</p:spTree>
    <p:extLst>
      <p:ext uri="{BB962C8B-B14F-4D97-AF65-F5344CB8AC3E}">
        <p14:creationId xmlns:p14="http://schemas.microsoft.com/office/powerpoint/2010/main" val="352112584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2.sv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1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47.xml"/><Relationship Id="rId13" Type="http://schemas.openxmlformats.org/officeDocument/2006/relationships/slideLayout" Target="../slideLayouts/slideLayout152.xml"/><Relationship Id="rId18" Type="http://schemas.openxmlformats.org/officeDocument/2006/relationships/theme" Target="../theme/theme10.xml"/><Relationship Id="rId3" Type="http://schemas.openxmlformats.org/officeDocument/2006/relationships/slideLayout" Target="../slideLayouts/slideLayout142.xml"/><Relationship Id="rId7" Type="http://schemas.openxmlformats.org/officeDocument/2006/relationships/slideLayout" Target="../slideLayouts/slideLayout146.xml"/><Relationship Id="rId12" Type="http://schemas.openxmlformats.org/officeDocument/2006/relationships/slideLayout" Target="../slideLayouts/slideLayout151.xml"/><Relationship Id="rId17" Type="http://schemas.openxmlformats.org/officeDocument/2006/relationships/slideLayout" Target="../slideLayouts/slideLayout156.xml"/><Relationship Id="rId2" Type="http://schemas.openxmlformats.org/officeDocument/2006/relationships/slideLayout" Target="../slideLayouts/slideLayout141.xml"/><Relationship Id="rId16" Type="http://schemas.openxmlformats.org/officeDocument/2006/relationships/slideLayout" Target="../slideLayouts/slideLayout155.xml"/><Relationship Id="rId20" Type="http://schemas.openxmlformats.org/officeDocument/2006/relationships/image" Target="../media/image17.svg"/><Relationship Id="rId1" Type="http://schemas.openxmlformats.org/officeDocument/2006/relationships/slideLayout" Target="../slideLayouts/slideLayout140.xml"/><Relationship Id="rId6" Type="http://schemas.openxmlformats.org/officeDocument/2006/relationships/slideLayout" Target="../slideLayouts/slideLayout145.xml"/><Relationship Id="rId11" Type="http://schemas.openxmlformats.org/officeDocument/2006/relationships/slideLayout" Target="../slideLayouts/slideLayout150.xml"/><Relationship Id="rId5" Type="http://schemas.openxmlformats.org/officeDocument/2006/relationships/slideLayout" Target="../slideLayouts/slideLayout144.xml"/><Relationship Id="rId15" Type="http://schemas.openxmlformats.org/officeDocument/2006/relationships/slideLayout" Target="../slideLayouts/slideLayout154.xml"/><Relationship Id="rId10" Type="http://schemas.openxmlformats.org/officeDocument/2006/relationships/slideLayout" Target="../slideLayouts/slideLayout149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143.xml"/><Relationship Id="rId9" Type="http://schemas.openxmlformats.org/officeDocument/2006/relationships/slideLayout" Target="../slideLayouts/slideLayout148.xml"/><Relationship Id="rId14" Type="http://schemas.openxmlformats.org/officeDocument/2006/relationships/slideLayout" Target="../slideLayouts/slideLayout153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.xml"/><Relationship Id="rId13" Type="http://schemas.openxmlformats.org/officeDocument/2006/relationships/slideLayout" Target="../slideLayouts/slideLayout30.xml"/><Relationship Id="rId18" Type="http://schemas.openxmlformats.org/officeDocument/2006/relationships/theme" Target="../theme/theme2.xml"/><Relationship Id="rId3" Type="http://schemas.openxmlformats.org/officeDocument/2006/relationships/slideLayout" Target="../slideLayouts/slideLayout20.xml"/><Relationship Id="rId7" Type="http://schemas.openxmlformats.org/officeDocument/2006/relationships/slideLayout" Target="../slideLayouts/slideLayout24.xml"/><Relationship Id="rId12" Type="http://schemas.openxmlformats.org/officeDocument/2006/relationships/slideLayout" Target="../slideLayouts/slideLayout29.xml"/><Relationship Id="rId17" Type="http://schemas.openxmlformats.org/officeDocument/2006/relationships/slideLayout" Target="../slideLayouts/slideLayout34.xml"/><Relationship Id="rId2" Type="http://schemas.openxmlformats.org/officeDocument/2006/relationships/slideLayout" Target="../slideLayouts/slideLayout19.xml"/><Relationship Id="rId16" Type="http://schemas.openxmlformats.org/officeDocument/2006/relationships/slideLayout" Target="../slideLayouts/slideLayout33.xml"/><Relationship Id="rId20" Type="http://schemas.openxmlformats.org/officeDocument/2006/relationships/image" Target="../media/image2.svg"/><Relationship Id="rId1" Type="http://schemas.openxmlformats.org/officeDocument/2006/relationships/slideLayout" Target="../slideLayouts/slideLayout18.xml"/><Relationship Id="rId6" Type="http://schemas.openxmlformats.org/officeDocument/2006/relationships/slideLayout" Target="../slideLayouts/slideLayout23.xml"/><Relationship Id="rId11" Type="http://schemas.openxmlformats.org/officeDocument/2006/relationships/slideLayout" Target="../slideLayouts/slideLayout28.xml"/><Relationship Id="rId5" Type="http://schemas.openxmlformats.org/officeDocument/2006/relationships/slideLayout" Target="../slideLayouts/slideLayout22.xml"/><Relationship Id="rId15" Type="http://schemas.openxmlformats.org/officeDocument/2006/relationships/slideLayout" Target="../slideLayouts/slideLayout32.xml"/><Relationship Id="rId10" Type="http://schemas.openxmlformats.org/officeDocument/2006/relationships/slideLayout" Target="../slideLayouts/slideLayout27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21.xml"/><Relationship Id="rId9" Type="http://schemas.openxmlformats.org/officeDocument/2006/relationships/slideLayout" Target="../slideLayouts/slideLayout26.xml"/><Relationship Id="rId14" Type="http://schemas.openxmlformats.org/officeDocument/2006/relationships/slideLayout" Target="../slideLayouts/slideLayout3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2.xml"/><Relationship Id="rId13" Type="http://schemas.openxmlformats.org/officeDocument/2006/relationships/slideLayout" Target="../slideLayouts/slideLayout47.xml"/><Relationship Id="rId18" Type="http://schemas.openxmlformats.org/officeDocument/2006/relationships/theme" Target="../theme/theme3.xml"/><Relationship Id="rId3" Type="http://schemas.openxmlformats.org/officeDocument/2006/relationships/slideLayout" Target="../slideLayouts/slideLayout37.xml"/><Relationship Id="rId7" Type="http://schemas.openxmlformats.org/officeDocument/2006/relationships/slideLayout" Target="../slideLayouts/slideLayout41.xml"/><Relationship Id="rId12" Type="http://schemas.openxmlformats.org/officeDocument/2006/relationships/slideLayout" Target="../slideLayouts/slideLayout46.xml"/><Relationship Id="rId17" Type="http://schemas.openxmlformats.org/officeDocument/2006/relationships/slideLayout" Target="../slideLayouts/slideLayout51.xml"/><Relationship Id="rId2" Type="http://schemas.openxmlformats.org/officeDocument/2006/relationships/slideLayout" Target="../slideLayouts/slideLayout36.xml"/><Relationship Id="rId16" Type="http://schemas.openxmlformats.org/officeDocument/2006/relationships/slideLayout" Target="../slideLayouts/slideLayout50.xml"/><Relationship Id="rId20" Type="http://schemas.openxmlformats.org/officeDocument/2006/relationships/image" Target="../media/image6.svg"/><Relationship Id="rId1" Type="http://schemas.openxmlformats.org/officeDocument/2006/relationships/slideLayout" Target="../slideLayouts/slideLayout35.xml"/><Relationship Id="rId6" Type="http://schemas.openxmlformats.org/officeDocument/2006/relationships/slideLayout" Target="../slideLayouts/slideLayout40.xml"/><Relationship Id="rId11" Type="http://schemas.openxmlformats.org/officeDocument/2006/relationships/slideLayout" Target="../slideLayouts/slideLayout45.xml"/><Relationship Id="rId5" Type="http://schemas.openxmlformats.org/officeDocument/2006/relationships/slideLayout" Target="../slideLayouts/slideLayout39.xml"/><Relationship Id="rId15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44.xml"/><Relationship Id="rId19" Type="http://schemas.openxmlformats.org/officeDocument/2006/relationships/image" Target="../media/image5.png"/><Relationship Id="rId4" Type="http://schemas.openxmlformats.org/officeDocument/2006/relationships/slideLayout" Target="../slideLayouts/slideLayout38.xml"/><Relationship Id="rId9" Type="http://schemas.openxmlformats.org/officeDocument/2006/relationships/slideLayout" Target="../slideLayouts/slideLayout43.xml"/><Relationship Id="rId14" Type="http://schemas.openxmlformats.org/officeDocument/2006/relationships/slideLayout" Target="../slideLayouts/slideLayout48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9.xml"/><Relationship Id="rId13" Type="http://schemas.openxmlformats.org/officeDocument/2006/relationships/slideLayout" Target="../slideLayouts/slideLayout64.xml"/><Relationship Id="rId18" Type="http://schemas.openxmlformats.org/officeDocument/2006/relationships/image" Target="../media/image1.png"/><Relationship Id="rId3" Type="http://schemas.openxmlformats.org/officeDocument/2006/relationships/slideLayout" Target="../slideLayouts/slideLayout54.xml"/><Relationship Id="rId7" Type="http://schemas.openxmlformats.org/officeDocument/2006/relationships/slideLayout" Target="../slideLayouts/slideLayout58.xml"/><Relationship Id="rId12" Type="http://schemas.openxmlformats.org/officeDocument/2006/relationships/slideLayout" Target="../slideLayouts/slideLayout63.xml"/><Relationship Id="rId17" Type="http://schemas.openxmlformats.org/officeDocument/2006/relationships/theme" Target="../theme/theme4.xml"/><Relationship Id="rId2" Type="http://schemas.openxmlformats.org/officeDocument/2006/relationships/slideLayout" Target="../slideLayouts/slideLayout53.xml"/><Relationship Id="rId16" Type="http://schemas.openxmlformats.org/officeDocument/2006/relationships/slideLayout" Target="../slideLayouts/slideLayout67.xml"/><Relationship Id="rId1" Type="http://schemas.openxmlformats.org/officeDocument/2006/relationships/slideLayout" Target="../slideLayouts/slideLayout52.xml"/><Relationship Id="rId6" Type="http://schemas.openxmlformats.org/officeDocument/2006/relationships/slideLayout" Target="../slideLayouts/slideLayout57.xml"/><Relationship Id="rId11" Type="http://schemas.openxmlformats.org/officeDocument/2006/relationships/slideLayout" Target="../slideLayouts/slideLayout62.xml"/><Relationship Id="rId5" Type="http://schemas.openxmlformats.org/officeDocument/2006/relationships/slideLayout" Target="../slideLayouts/slideLayout56.xml"/><Relationship Id="rId15" Type="http://schemas.openxmlformats.org/officeDocument/2006/relationships/slideLayout" Target="../slideLayouts/slideLayout66.xml"/><Relationship Id="rId10" Type="http://schemas.openxmlformats.org/officeDocument/2006/relationships/slideLayout" Target="../slideLayouts/slideLayout61.xml"/><Relationship Id="rId19" Type="http://schemas.openxmlformats.org/officeDocument/2006/relationships/image" Target="../media/image2.svg"/><Relationship Id="rId4" Type="http://schemas.openxmlformats.org/officeDocument/2006/relationships/slideLayout" Target="../slideLayouts/slideLayout55.xml"/><Relationship Id="rId9" Type="http://schemas.openxmlformats.org/officeDocument/2006/relationships/slideLayout" Target="../slideLayouts/slideLayout60.xml"/><Relationship Id="rId14" Type="http://schemas.openxmlformats.org/officeDocument/2006/relationships/slideLayout" Target="../slideLayouts/slideLayout65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5.xml"/><Relationship Id="rId13" Type="http://schemas.openxmlformats.org/officeDocument/2006/relationships/slideLayout" Target="../slideLayouts/slideLayout80.xml"/><Relationship Id="rId18" Type="http://schemas.openxmlformats.org/officeDocument/2006/relationships/theme" Target="../theme/theme5.xml"/><Relationship Id="rId3" Type="http://schemas.openxmlformats.org/officeDocument/2006/relationships/slideLayout" Target="../slideLayouts/slideLayout70.xml"/><Relationship Id="rId7" Type="http://schemas.openxmlformats.org/officeDocument/2006/relationships/slideLayout" Target="../slideLayouts/slideLayout74.xml"/><Relationship Id="rId12" Type="http://schemas.openxmlformats.org/officeDocument/2006/relationships/slideLayout" Target="../slideLayouts/slideLayout79.xml"/><Relationship Id="rId17" Type="http://schemas.openxmlformats.org/officeDocument/2006/relationships/slideLayout" Target="../slideLayouts/slideLayout84.xml"/><Relationship Id="rId2" Type="http://schemas.openxmlformats.org/officeDocument/2006/relationships/slideLayout" Target="../slideLayouts/slideLayout69.xml"/><Relationship Id="rId16" Type="http://schemas.openxmlformats.org/officeDocument/2006/relationships/slideLayout" Target="../slideLayouts/slideLayout83.xml"/><Relationship Id="rId20" Type="http://schemas.openxmlformats.org/officeDocument/2006/relationships/image" Target="../media/image2.svg"/><Relationship Id="rId1" Type="http://schemas.openxmlformats.org/officeDocument/2006/relationships/slideLayout" Target="../slideLayouts/slideLayout68.xml"/><Relationship Id="rId6" Type="http://schemas.openxmlformats.org/officeDocument/2006/relationships/slideLayout" Target="../slideLayouts/slideLayout73.xml"/><Relationship Id="rId11" Type="http://schemas.openxmlformats.org/officeDocument/2006/relationships/slideLayout" Target="../slideLayouts/slideLayout78.xml"/><Relationship Id="rId5" Type="http://schemas.openxmlformats.org/officeDocument/2006/relationships/slideLayout" Target="../slideLayouts/slideLayout72.xml"/><Relationship Id="rId15" Type="http://schemas.openxmlformats.org/officeDocument/2006/relationships/slideLayout" Target="../slideLayouts/slideLayout82.xml"/><Relationship Id="rId10" Type="http://schemas.openxmlformats.org/officeDocument/2006/relationships/slideLayout" Target="../slideLayouts/slideLayout77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71.xml"/><Relationship Id="rId9" Type="http://schemas.openxmlformats.org/officeDocument/2006/relationships/slideLayout" Target="../slideLayouts/slideLayout76.xml"/><Relationship Id="rId14" Type="http://schemas.openxmlformats.org/officeDocument/2006/relationships/slideLayout" Target="../slideLayouts/slideLayout81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2.xml"/><Relationship Id="rId13" Type="http://schemas.openxmlformats.org/officeDocument/2006/relationships/slideLayout" Target="../slideLayouts/slideLayout97.xml"/><Relationship Id="rId18" Type="http://schemas.openxmlformats.org/officeDocument/2006/relationships/theme" Target="../theme/theme6.xml"/><Relationship Id="rId3" Type="http://schemas.openxmlformats.org/officeDocument/2006/relationships/slideLayout" Target="../slideLayouts/slideLayout87.xml"/><Relationship Id="rId7" Type="http://schemas.openxmlformats.org/officeDocument/2006/relationships/slideLayout" Target="../slideLayouts/slideLayout91.xml"/><Relationship Id="rId12" Type="http://schemas.openxmlformats.org/officeDocument/2006/relationships/slideLayout" Target="../slideLayouts/slideLayout96.xml"/><Relationship Id="rId17" Type="http://schemas.openxmlformats.org/officeDocument/2006/relationships/slideLayout" Target="../slideLayouts/slideLayout101.xml"/><Relationship Id="rId2" Type="http://schemas.openxmlformats.org/officeDocument/2006/relationships/slideLayout" Target="../slideLayouts/slideLayout86.xml"/><Relationship Id="rId16" Type="http://schemas.openxmlformats.org/officeDocument/2006/relationships/slideLayout" Target="../slideLayouts/slideLayout100.xml"/><Relationship Id="rId20" Type="http://schemas.openxmlformats.org/officeDocument/2006/relationships/image" Target="../media/image2.svg"/><Relationship Id="rId1" Type="http://schemas.openxmlformats.org/officeDocument/2006/relationships/slideLayout" Target="../slideLayouts/slideLayout85.xml"/><Relationship Id="rId6" Type="http://schemas.openxmlformats.org/officeDocument/2006/relationships/slideLayout" Target="../slideLayouts/slideLayout90.xml"/><Relationship Id="rId11" Type="http://schemas.openxmlformats.org/officeDocument/2006/relationships/slideLayout" Target="../slideLayouts/slideLayout95.xml"/><Relationship Id="rId5" Type="http://schemas.openxmlformats.org/officeDocument/2006/relationships/slideLayout" Target="../slideLayouts/slideLayout89.xml"/><Relationship Id="rId15" Type="http://schemas.openxmlformats.org/officeDocument/2006/relationships/slideLayout" Target="../slideLayouts/slideLayout99.xml"/><Relationship Id="rId10" Type="http://schemas.openxmlformats.org/officeDocument/2006/relationships/slideLayout" Target="../slideLayouts/slideLayout94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88.xml"/><Relationship Id="rId9" Type="http://schemas.openxmlformats.org/officeDocument/2006/relationships/slideLayout" Target="../slideLayouts/slideLayout93.xml"/><Relationship Id="rId14" Type="http://schemas.openxmlformats.org/officeDocument/2006/relationships/slideLayout" Target="../slideLayouts/slideLayout98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theme" Target="../theme/theme7.xml"/><Relationship Id="rId3" Type="http://schemas.openxmlformats.org/officeDocument/2006/relationships/slideLayout" Target="../slideLayouts/slideLayout104.xml"/><Relationship Id="rId7" Type="http://schemas.openxmlformats.org/officeDocument/2006/relationships/slideLayout" Target="../slideLayouts/slideLayout108.xml"/><Relationship Id="rId2" Type="http://schemas.openxmlformats.org/officeDocument/2006/relationships/slideLayout" Target="../slideLayouts/slideLayout103.xml"/><Relationship Id="rId1" Type="http://schemas.openxmlformats.org/officeDocument/2006/relationships/slideLayout" Target="../slideLayouts/slideLayout102.xml"/><Relationship Id="rId6" Type="http://schemas.openxmlformats.org/officeDocument/2006/relationships/slideLayout" Target="../slideLayouts/slideLayout107.xml"/><Relationship Id="rId5" Type="http://schemas.openxmlformats.org/officeDocument/2006/relationships/slideLayout" Target="../slideLayouts/slideLayout106.xml"/><Relationship Id="rId10" Type="http://schemas.openxmlformats.org/officeDocument/2006/relationships/image" Target="../media/image2.svg"/><Relationship Id="rId4" Type="http://schemas.openxmlformats.org/officeDocument/2006/relationships/slideLayout" Target="../slideLayouts/slideLayout105.xml"/><Relationship Id="rId9" Type="http://schemas.openxmlformats.org/officeDocument/2006/relationships/image" Target="../media/image1.png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6.xml"/><Relationship Id="rId13" Type="http://schemas.openxmlformats.org/officeDocument/2006/relationships/slideLayout" Target="../slideLayouts/slideLayout121.xml"/><Relationship Id="rId18" Type="http://schemas.openxmlformats.org/officeDocument/2006/relationships/theme" Target="../theme/theme8.xml"/><Relationship Id="rId3" Type="http://schemas.openxmlformats.org/officeDocument/2006/relationships/slideLayout" Target="../slideLayouts/slideLayout111.xml"/><Relationship Id="rId7" Type="http://schemas.openxmlformats.org/officeDocument/2006/relationships/slideLayout" Target="../slideLayouts/slideLayout115.xml"/><Relationship Id="rId12" Type="http://schemas.openxmlformats.org/officeDocument/2006/relationships/slideLayout" Target="../slideLayouts/slideLayout120.xml"/><Relationship Id="rId17" Type="http://schemas.openxmlformats.org/officeDocument/2006/relationships/slideLayout" Target="../slideLayouts/slideLayout125.xml"/><Relationship Id="rId2" Type="http://schemas.openxmlformats.org/officeDocument/2006/relationships/slideLayout" Target="../slideLayouts/slideLayout110.xml"/><Relationship Id="rId16" Type="http://schemas.openxmlformats.org/officeDocument/2006/relationships/slideLayout" Target="../slideLayouts/slideLayout124.xml"/><Relationship Id="rId20" Type="http://schemas.openxmlformats.org/officeDocument/2006/relationships/image" Target="../media/image2.svg"/><Relationship Id="rId1" Type="http://schemas.openxmlformats.org/officeDocument/2006/relationships/slideLayout" Target="../slideLayouts/slideLayout109.xml"/><Relationship Id="rId6" Type="http://schemas.openxmlformats.org/officeDocument/2006/relationships/slideLayout" Target="../slideLayouts/slideLayout114.xml"/><Relationship Id="rId11" Type="http://schemas.openxmlformats.org/officeDocument/2006/relationships/slideLayout" Target="../slideLayouts/slideLayout119.xml"/><Relationship Id="rId5" Type="http://schemas.openxmlformats.org/officeDocument/2006/relationships/slideLayout" Target="../slideLayouts/slideLayout113.xml"/><Relationship Id="rId15" Type="http://schemas.openxmlformats.org/officeDocument/2006/relationships/slideLayout" Target="../slideLayouts/slideLayout123.xml"/><Relationship Id="rId10" Type="http://schemas.openxmlformats.org/officeDocument/2006/relationships/slideLayout" Target="../slideLayouts/slideLayout118.xml"/><Relationship Id="rId19" Type="http://schemas.openxmlformats.org/officeDocument/2006/relationships/image" Target="../media/image1.png"/><Relationship Id="rId4" Type="http://schemas.openxmlformats.org/officeDocument/2006/relationships/slideLayout" Target="../slideLayouts/slideLayout112.xml"/><Relationship Id="rId9" Type="http://schemas.openxmlformats.org/officeDocument/2006/relationships/slideLayout" Target="../slideLayouts/slideLayout117.xml"/><Relationship Id="rId14" Type="http://schemas.openxmlformats.org/officeDocument/2006/relationships/slideLayout" Target="../slideLayouts/slideLayout122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3.xml"/><Relationship Id="rId13" Type="http://schemas.openxmlformats.org/officeDocument/2006/relationships/slideLayout" Target="../slideLayouts/slideLayout138.xml"/><Relationship Id="rId18" Type="http://schemas.openxmlformats.org/officeDocument/2006/relationships/image" Target="../media/image9.emf"/><Relationship Id="rId3" Type="http://schemas.openxmlformats.org/officeDocument/2006/relationships/slideLayout" Target="../slideLayouts/slideLayout128.xml"/><Relationship Id="rId21" Type="http://schemas.openxmlformats.org/officeDocument/2006/relationships/image" Target="../media/image12.png"/><Relationship Id="rId7" Type="http://schemas.openxmlformats.org/officeDocument/2006/relationships/slideLayout" Target="../slideLayouts/slideLayout132.xml"/><Relationship Id="rId12" Type="http://schemas.openxmlformats.org/officeDocument/2006/relationships/slideLayout" Target="../slideLayouts/slideLayout137.xml"/><Relationship Id="rId17" Type="http://schemas.openxmlformats.org/officeDocument/2006/relationships/image" Target="../media/image8.emf"/><Relationship Id="rId2" Type="http://schemas.openxmlformats.org/officeDocument/2006/relationships/slideLayout" Target="../slideLayouts/slideLayout127.xml"/><Relationship Id="rId16" Type="http://schemas.openxmlformats.org/officeDocument/2006/relationships/image" Target="../media/image7.png"/><Relationship Id="rId20" Type="http://schemas.openxmlformats.org/officeDocument/2006/relationships/image" Target="../media/image11.emf"/><Relationship Id="rId1" Type="http://schemas.openxmlformats.org/officeDocument/2006/relationships/slideLayout" Target="../slideLayouts/slideLayout126.xml"/><Relationship Id="rId6" Type="http://schemas.openxmlformats.org/officeDocument/2006/relationships/slideLayout" Target="../slideLayouts/slideLayout131.xml"/><Relationship Id="rId11" Type="http://schemas.openxmlformats.org/officeDocument/2006/relationships/slideLayout" Target="../slideLayouts/slideLayout136.xml"/><Relationship Id="rId5" Type="http://schemas.openxmlformats.org/officeDocument/2006/relationships/slideLayout" Target="../slideLayouts/slideLayout130.xml"/><Relationship Id="rId15" Type="http://schemas.openxmlformats.org/officeDocument/2006/relationships/theme" Target="../theme/theme9.xml"/><Relationship Id="rId10" Type="http://schemas.openxmlformats.org/officeDocument/2006/relationships/slideLayout" Target="../slideLayouts/slideLayout135.xml"/><Relationship Id="rId19" Type="http://schemas.openxmlformats.org/officeDocument/2006/relationships/image" Target="../media/image10.emf"/><Relationship Id="rId4" Type="http://schemas.openxmlformats.org/officeDocument/2006/relationships/slideLayout" Target="../slideLayouts/slideLayout129.xml"/><Relationship Id="rId9" Type="http://schemas.openxmlformats.org/officeDocument/2006/relationships/slideLayout" Target="../slideLayouts/slideLayout134.xml"/><Relationship Id="rId14" Type="http://schemas.openxmlformats.org/officeDocument/2006/relationships/slideLayout" Target="../slideLayouts/slideLayout13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60" r:id="rId2"/>
    <p:sldLayoutId id="2147483688" r:id="rId3"/>
    <p:sldLayoutId id="2147483670" r:id="rId4"/>
    <p:sldLayoutId id="2147483650" r:id="rId5"/>
    <p:sldLayoutId id="2147483661" r:id="rId6"/>
    <p:sldLayoutId id="2147483704" r:id="rId7"/>
    <p:sldLayoutId id="2147483692" r:id="rId8"/>
    <p:sldLayoutId id="2147483705" r:id="rId9"/>
    <p:sldLayoutId id="2147483714" r:id="rId10"/>
    <p:sldLayoutId id="2147483697" r:id="rId11"/>
    <p:sldLayoutId id="2147483715" r:id="rId12"/>
    <p:sldLayoutId id="2147483717" r:id="rId13"/>
    <p:sldLayoutId id="2147483749" r:id="rId14"/>
    <p:sldLayoutId id="2147483696" r:id="rId15"/>
    <p:sldLayoutId id="2147483789" r:id="rId16"/>
    <p:sldLayoutId id="2147483668" r:id="rId17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rgbClr val="003C65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6411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0" r:id="rId1"/>
    <p:sldLayoutId id="2147483831" r:id="rId2"/>
    <p:sldLayoutId id="2147483832" r:id="rId3"/>
    <p:sldLayoutId id="2147483833" r:id="rId4"/>
    <p:sldLayoutId id="2147483834" r:id="rId5"/>
    <p:sldLayoutId id="2147483835" r:id="rId6"/>
    <p:sldLayoutId id="2147483836" r:id="rId7"/>
    <p:sldLayoutId id="2147483837" r:id="rId8"/>
    <p:sldLayoutId id="2147483838" r:id="rId9"/>
    <p:sldLayoutId id="2147483839" r:id="rId10"/>
    <p:sldLayoutId id="2147483840" r:id="rId11"/>
    <p:sldLayoutId id="2147483841" r:id="rId12"/>
    <p:sldLayoutId id="2147483842" r:id="rId13"/>
    <p:sldLayoutId id="2147483843" r:id="rId14"/>
    <p:sldLayoutId id="2147483844" r:id="rId15"/>
    <p:sldLayoutId id="2147483845" r:id="rId16"/>
    <p:sldLayoutId id="2147483846" r:id="rId17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rgbClr val="05427B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rgbClr val="05427B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3206284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1" r:id="rId1"/>
    <p:sldLayoutId id="2147483753" r:id="rId2"/>
    <p:sldLayoutId id="2147483754" r:id="rId3"/>
    <p:sldLayoutId id="2147483755" r:id="rId4"/>
    <p:sldLayoutId id="2147483756" r:id="rId5"/>
    <p:sldLayoutId id="2147483757" r:id="rId6"/>
    <p:sldLayoutId id="2147483758" r:id="rId7"/>
    <p:sldLayoutId id="2147483759" r:id="rId8"/>
    <p:sldLayoutId id="2147483760" r:id="rId9"/>
    <p:sldLayoutId id="2147483761" r:id="rId10"/>
    <p:sldLayoutId id="2147483762" r:id="rId11"/>
    <p:sldLayoutId id="2147483763" r:id="rId12"/>
    <p:sldLayoutId id="2147483764" r:id="rId13"/>
    <p:sldLayoutId id="2147483785" r:id="rId14"/>
    <p:sldLayoutId id="2147483765" r:id="rId15"/>
    <p:sldLayoutId id="2147483790" r:id="rId16"/>
    <p:sldLayoutId id="2147483766" r:id="rId17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bg1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FEE7967-53CC-4021-BDEB-20FE13A57324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3831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70" r:id="rId2"/>
    <p:sldLayoutId id="2147483771" r:id="rId3"/>
    <p:sldLayoutId id="2147483772" r:id="rId4"/>
    <p:sldLayoutId id="2147483773" r:id="rId5"/>
    <p:sldLayoutId id="2147483774" r:id="rId6"/>
    <p:sldLayoutId id="2147483775" r:id="rId7"/>
    <p:sldLayoutId id="2147483776" r:id="rId8"/>
    <p:sldLayoutId id="2147483777" r:id="rId9"/>
    <p:sldLayoutId id="2147483778" r:id="rId10"/>
    <p:sldLayoutId id="2147483779" r:id="rId11"/>
    <p:sldLayoutId id="2147483780" r:id="rId12"/>
    <p:sldLayoutId id="2147483781" r:id="rId13"/>
    <p:sldLayoutId id="2147483782" r:id="rId14"/>
    <p:sldLayoutId id="2147483783" r:id="rId15"/>
    <p:sldLayoutId id="2147483791" r:id="rId16"/>
    <p:sldLayoutId id="2147483784" r:id="rId17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0133634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89" r:id="rId3"/>
    <p:sldLayoutId id="2147483671" r:id="rId4"/>
    <p:sldLayoutId id="2147483665" r:id="rId5"/>
    <p:sldLayoutId id="2147483733" r:id="rId6"/>
    <p:sldLayoutId id="2147483734" r:id="rId7"/>
    <p:sldLayoutId id="2147483693" r:id="rId8"/>
    <p:sldLayoutId id="2147483719" r:id="rId9"/>
    <p:sldLayoutId id="2147483720" r:id="rId10"/>
    <p:sldLayoutId id="2147483735" r:id="rId11"/>
    <p:sldLayoutId id="2147483736" r:id="rId12"/>
    <p:sldLayoutId id="2147483737" r:id="rId13"/>
    <p:sldLayoutId id="2147483786" r:id="rId14"/>
    <p:sldLayoutId id="2147483699" r:id="rId15"/>
    <p:sldLayoutId id="2147483669" r:id="rId16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tx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674E4E07-17EE-44AB-A23B-DF246D6AC8B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713035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5" r:id="rId2"/>
    <p:sldLayoutId id="2147483690" r:id="rId3"/>
    <p:sldLayoutId id="2147483676" r:id="rId4"/>
    <p:sldLayoutId id="2147483677" r:id="rId5"/>
    <p:sldLayoutId id="2147483738" r:id="rId6"/>
    <p:sldLayoutId id="2147483739" r:id="rId7"/>
    <p:sldLayoutId id="2147483694" r:id="rId8"/>
    <p:sldLayoutId id="2147483724" r:id="rId9"/>
    <p:sldLayoutId id="2147483725" r:id="rId10"/>
    <p:sldLayoutId id="2147483740" r:id="rId11"/>
    <p:sldLayoutId id="2147483741" r:id="rId12"/>
    <p:sldLayoutId id="2147483742" r:id="rId13"/>
    <p:sldLayoutId id="2147483787" r:id="rId14"/>
    <p:sldLayoutId id="2147483701" r:id="rId15"/>
    <p:sldLayoutId id="2147483792" r:id="rId16"/>
    <p:sldLayoutId id="2147483679" r:id="rId17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tx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58F37BC3-C2C0-49FC-AF17-4DF1FED34D7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1874933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1" r:id="rId1"/>
    <p:sldLayoutId id="2147483683" r:id="rId2"/>
    <p:sldLayoutId id="2147483691" r:id="rId3"/>
    <p:sldLayoutId id="2147483684" r:id="rId4"/>
    <p:sldLayoutId id="2147483685" r:id="rId5"/>
    <p:sldLayoutId id="2147483743" r:id="rId6"/>
    <p:sldLayoutId id="2147483744" r:id="rId7"/>
    <p:sldLayoutId id="2147483695" r:id="rId8"/>
    <p:sldLayoutId id="2147483729" r:id="rId9"/>
    <p:sldLayoutId id="2147483730" r:id="rId10"/>
    <p:sldLayoutId id="2147483745" r:id="rId11"/>
    <p:sldLayoutId id="2147483746" r:id="rId12"/>
    <p:sldLayoutId id="2147483747" r:id="rId13"/>
    <p:sldLayoutId id="2147483788" r:id="rId14"/>
    <p:sldLayoutId id="2147483703" r:id="rId15"/>
    <p:sldLayoutId id="2147483793" r:id="rId16"/>
    <p:sldLayoutId id="2147483687" r:id="rId17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tx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tx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B23902-B834-4F86-BC59-3F0B89E2FB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5195888" y="6508426"/>
            <a:ext cx="1800225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400"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rgbClr val="003C65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DA8E62-4914-40DC-8FB0-44576D955B6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6850" y="6508425"/>
            <a:ext cx="27432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r">
              <a:defRPr sz="1400">
                <a:solidFill>
                  <a:schemeClr val="tx2"/>
                </a:solidFill>
              </a:defRPr>
            </a:lvl1pPr>
          </a:lstStyle>
          <a:p>
            <a:fld id="{E344FE64-9673-4E6C-96FF-C6B9E6BF336F}" type="slidenum">
              <a:rPr lang="nb-NO" smtClean="0"/>
              <a:pPr/>
              <a:t>‹#›</a:t>
            </a:fld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9">
            <a:extLs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10" r:id="rId3"/>
    <p:sldLayoutId id="2147483709" r:id="rId4"/>
    <p:sldLayoutId id="2147483711" r:id="rId5"/>
    <p:sldLayoutId id="2147483712" r:id="rId6"/>
    <p:sldLayoutId id="2147483713" r:id="rId7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96F47F6-6A98-4E1E-B01E-2BE8C7E1830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20090" y="6508427"/>
            <a:ext cx="4114800" cy="215444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400">
                <a:solidFill>
                  <a:schemeClr val="tx2"/>
                </a:solidFill>
              </a:defRPr>
            </a:lvl1pPr>
          </a:lstStyle>
          <a:p>
            <a:r>
              <a:rPr lang="nb-NO"/>
              <a:t>Teknologi for et bedre samfunn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9">
            <a:extLst>
              <a:ext uri="{96DAC541-7B7A-43D3-8B79-37D633B846F1}">
                <asvg:svgBlip xmlns:asvg="http://schemas.microsoft.com/office/drawing/2016/SVG/main" r:embed="rId20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47723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5" r:id="rId1"/>
    <p:sldLayoutId id="2147483796" r:id="rId2"/>
    <p:sldLayoutId id="2147483797" r:id="rId3"/>
    <p:sldLayoutId id="2147483798" r:id="rId4"/>
    <p:sldLayoutId id="2147483799" r:id="rId5"/>
    <p:sldLayoutId id="2147483800" r:id="rId6"/>
    <p:sldLayoutId id="2147483801" r:id="rId7"/>
    <p:sldLayoutId id="2147483802" r:id="rId8"/>
    <p:sldLayoutId id="2147483803" r:id="rId9"/>
    <p:sldLayoutId id="2147483804" r:id="rId10"/>
    <p:sldLayoutId id="2147483805" r:id="rId11"/>
    <p:sldLayoutId id="2147483806" r:id="rId12"/>
    <p:sldLayoutId id="2147483807" r:id="rId13"/>
    <p:sldLayoutId id="2147483808" r:id="rId14"/>
    <p:sldLayoutId id="2147483809" r:id="rId15"/>
    <p:sldLayoutId id="2147483810" r:id="rId16"/>
    <p:sldLayoutId id="2147483811" r:id="rId17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954182" y="887946"/>
            <a:ext cx="9001711" cy="926662"/>
          </a:xfrm>
          <a:prstGeom prst="rect">
            <a:avLst/>
          </a:prstGeom>
          <a:blipFill dpi="0" rotWithShape="1">
            <a:blip r:embed="rId16"/>
            <a:srcRect/>
            <a:tile tx="0" ty="0" sx="100000" sy="100000" flip="xy" algn="bl"/>
          </a:blipFill>
        </p:spPr>
        <p:txBody>
          <a:bodyPr vert="horz" lIns="0" tIns="0" rIns="0" bIns="270054" rtlCol="0" anchor="ctr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954182" y="2319687"/>
            <a:ext cx="9001711" cy="3801079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dato 3"/>
          <p:cNvSpPr>
            <a:spLocks noGrp="1"/>
          </p:cNvSpPr>
          <p:nvPr>
            <p:ph type="dt" sz="half" idx="2"/>
          </p:nvPr>
        </p:nvSpPr>
        <p:spPr>
          <a:xfrm>
            <a:off x="9109672" y="6255782"/>
            <a:ext cx="846221" cy="184666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 algn="r">
              <a:defRPr sz="1200">
                <a:solidFill>
                  <a:schemeClr val="tx2"/>
                </a:solidFill>
              </a:defRPr>
            </a:lvl1pPr>
          </a:lstStyle>
          <a:p>
            <a:r>
              <a:rPr lang="nb-NO" err="1"/>
              <a:t>Month</a:t>
            </a:r>
            <a:r>
              <a:rPr lang="nb-NO"/>
              <a:t> 2016</a:t>
            </a:r>
          </a:p>
        </p:txBody>
      </p:sp>
      <p:sp>
        <p:nvSpPr>
          <p:cNvPr id="5" name="Plassholder for bunntekst 4"/>
          <p:cNvSpPr>
            <a:spLocks noGrp="1"/>
          </p:cNvSpPr>
          <p:nvPr>
            <p:ph type="ftr" sz="quarter" idx="3"/>
          </p:nvPr>
        </p:nvSpPr>
        <p:spPr>
          <a:xfrm>
            <a:off x="954183" y="6255782"/>
            <a:ext cx="7443537" cy="184666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 algn="l">
              <a:defRPr sz="1200"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6" name="Plassholder for lysbildenummer 5"/>
          <p:cNvSpPr>
            <a:spLocks noGrp="1"/>
          </p:cNvSpPr>
          <p:nvPr>
            <p:ph type="sldNum" sz="quarter" idx="4"/>
          </p:nvPr>
        </p:nvSpPr>
        <p:spPr>
          <a:xfrm>
            <a:off x="459087" y="6255782"/>
            <a:ext cx="308812" cy="184666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 algn="l">
              <a:defRPr sz="1200">
                <a:solidFill>
                  <a:schemeClr val="tx2"/>
                </a:solidFill>
              </a:defRPr>
            </a:lvl1pPr>
          </a:lstStyle>
          <a:p>
            <a:fld id="{5751DFAA-887F-4071-8EAD-E8CA316FCF06}" type="slidenum">
              <a:rPr lang="nb-NO" smtClean="0"/>
              <a:pPr/>
              <a:t>‹#›</a:t>
            </a:fld>
            <a:endParaRPr lang="nb-NO"/>
          </a:p>
        </p:txBody>
      </p:sp>
      <p:pic>
        <p:nvPicPr>
          <p:cNvPr id="11" name="cyan" hidden="1"/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"/>
            <a:ext cx="12185844" cy="6861466"/>
          </a:xfrm>
          <a:prstGeom prst="rect">
            <a:avLst/>
          </a:prstGeom>
        </p:spPr>
      </p:pic>
      <p:sp>
        <p:nvSpPr>
          <p:cNvPr id="12" name="Fokustekst" hidden="1"/>
          <p:cNvSpPr txBox="1"/>
          <p:nvPr userDrawn="1"/>
        </p:nvSpPr>
        <p:spPr>
          <a:xfrm>
            <a:off x="6050666" y="3028450"/>
            <a:ext cx="2971993" cy="1199293"/>
          </a:xfrm>
          <a:prstGeom prst="rect">
            <a:avLst/>
          </a:prstGeom>
          <a:noFill/>
        </p:spPr>
        <p:txBody>
          <a:bodyPr wrap="square" lIns="45729" tIns="0" rIns="45729" bIns="0" rtlCol="0" anchor="t">
            <a:normAutofit/>
          </a:bodyPr>
          <a:lstStyle/>
          <a:p>
            <a:r>
              <a:rPr lang="en-GB" sz="2000" err="1">
                <a:solidFill>
                  <a:schemeClr val="tx2"/>
                </a:solidFill>
              </a:rPr>
              <a:t>Klikk</a:t>
            </a:r>
            <a:r>
              <a:rPr lang="en-GB" sz="2000" baseline="0">
                <a:solidFill>
                  <a:schemeClr val="tx2"/>
                </a:solidFill>
              </a:rPr>
              <a:t> for å </a:t>
            </a:r>
            <a:r>
              <a:rPr lang="en-GB" sz="2000" baseline="0" err="1">
                <a:solidFill>
                  <a:schemeClr val="tx2"/>
                </a:solidFill>
              </a:rPr>
              <a:t>redigere</a:t>
            </a:r>
            <a:r>
              <a:rPr lang="en-GB" sz="2000" baseline="0">
                <a:solidFill>
                  <a:schemeClr val="tx2"/>
                </a:solidFill>
              </a:rPr>
              <a:t> </a:t>
            </a:r>
            <a:r>
              <a:rPr lang="en-GB" sz="2000" baseline="0" err="1">
                <a:solidFill>
                  <a:schemeClr val="tx2"/>
                </a:solidFill>
              </a:rPr>
              <a:t>tekst</a:t>
            </a:r>
            <a:endParaRPr lang="en-GB" sz="2000">
              <a:solidFill>
                <a:schemeClr val="tx2"/>
              </a:solidFill>
            </a:endParaRPr>
          </a:p>
        </p:txBody>
      </p:sp>
      <p:grpSp>
        <p:nvGrpSpPr>
          <p:cNvPr id="13" name="Fokuspunkt" hidden="1"/>
          <p:cNvGrpSpPr/>
          <p:nvPr userDrawn="1"/>
        </p:nvGrpSpPr>
        <p:grpSpPr>
          <a:xfrm>
            <a:off x="3003638" y="2618899"/>
            <a:ext cx="2797068" cy="1620203"/>
            <a:chOff x="8236529" y="3435928"/>
            <a:chExt cx="5593771" cy="3240405"/>
          </a:xfrm>
        </p:grpSpPr>
        <p:sp>
          <p:nvSpPr>
            <p:cNvPr id="14" name="Ellipse 13" hidden="1"/>
            <p:cNvSpPr/>
            <p:nvPr userDrawn="1"/>
          </p:nvSpPr>
          <p:spPr>
            <a:xfrm>
              <a:off x="8605574" y="3804973"/>
              <a:ext cx="2502313" cy="2502313"/>
            </a:xfrm>
            <a:prstGeom prst="ellipse">
              <a:avLst/>
            </a:prstGeom>
            <a:noFill/>
            <a:ln w="12700"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799"/>
            </a:p>
          </p:txBody>
        </p:sp>
        <p:sp>
          <p:nvSpPr>
            <p:cNvPr id="15" name="Ellipse 14" hidden="1"/>
            <p:cNvSpPr/>
            <p:nvPr userDrawn="1"/>
          </p:nvSpPr>
          <p:spPr>
            <a:xfrm>
              <a:off x="8236529" y="3435928"/>
              <a:ext cx="3240405" cy="3240405"/>
            </a:xfrm>
            <a:prstGeom prst="ellipse">
              <a:avLst/>
            </a:prstGeom>
            <a:noFill/>
            <a:ln w="6350"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799"/>
            </a:p>
          </p:txBody>
        </p:sp>
        <p:cxnSp>
          <p:nvCxnSpPr>
            <p:cNvPr id="16" name="Rett linje 15" hidden="1"/>
            <p:cNvCxnSpPr/>
            <p:nvPr userDrawn="1"/>
          </p:nvCxnSpPr>
          <p:spPr>
            <a:xfrm>
              <a:off x="10657830" y="5033616"/>
              <a:ext cx="3172470" cy="0"/>
            </a:xfrm>
            <a:prstGeom prst="line">
              <a:avLst/>
            </a:prstGeom>
            <a:ln w="19050">
              <a:solidFill>
                <a:schemeClr val="tx2"/>
              </a:solidFill>
              <a:tailEnd type="none" w="lg" len="lg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" name="Ellipse 16" hidden="1"/>
            <p:cNvSpPr/>
            <p:nvPr userDrawn="1"/>
          </p:nvSpPr>
          <p:spPr>
            <a:xfrm>
              <a:off x="9055630" y="4255029"/>
              <a:ext cx="1602200" cy="1602200"/>
            </a:xfrm>
            <a:prstGeom prst="ellipse">
              <a:avLst/>
            </a:prstGeom>
            <a:noFill/>
            <a:ln w="19050"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799"/>
            </a:p>
          </p:txBody>
        </p:sp>
      </p:grpSp>
      <p:pic>
        <p:nvPicPr>
          <p:cNvPr id="8" name="magenta" hidden="1"/>
          <p:cNvPicPr>
            <a:picLocks noChangeAspect="1"/>
          </p:cNvPicPr>
          <p:nvPr userDrawn="1"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9092" cy="6858000"/>
          </a:xfrm>
          <a:prstGeom prst="rect">
            <a:avLst/>
          </a:prstGeom>
        </p:spPr>
      </p:pic>
      <p:pic>
        <p:nvPicPr>
          <p:cNvPr id="18" name="gul" hidden="1"/>
          <p:cNvPicPr>
            <a:picLocks noChangeAspect="1"/>
          </p:cNvPicPr>
          <p:nvPr userDrawn="1"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9092" cy="6858000"/>
          </a:xfrm>
          <a:prstGeom prst="rect">
            <a:avLst/>
          </a:prstGeom>
        </p:spPr>
      </p:pic>
      <p:pic>
        <p:nvPicPr>
          <p:cNvPr id="7" name="gronn" hidden="1"/>
          <p:cNvPicPr>
            <a:picLocks noChangeAspect="1"/>
          </p:cNvPicPr>
          <p:nvPr userDrawn="1"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9092" cy="6858000"/>
          </a:xfrm>
          <a:prstGeom prst="rect">
            <a:avLst/>
          </a:prstGeom>
        </p:spPr>
      </p:pic>
      <p:pic>
        <p:nvPicPr>
          <p:cNvPr id="19" name="sinteflogo"/>
          <p:cNvPicPr>
            <a:picLocks noChangeAspect="1"/>
          </p:cNvPicPr>
          <p:nvPr userDrawn="1"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93051" y="6255782"/>
            <a:ext cx="981013" cy="214063"/>
          </a:xfrm>
          <a:prstGeom prst="rect">
            <a:avLst/>
          </a:prstGeom>
        </p:spPr>
      </p:pic>
      <p:grpSp>
        <p:nvGrpSpPr>
          <p:cNvPr id="29" name="bunnramme" hidden="1"/>
          <p:cNvGrpSpPr/>
          <p:nvPr userDrawn="1"/>
        </p:nvGrpSpPr>
        <p:grpSpPr>
          <a:xfrm>
            <a:off x="1412941" y="2558167"/>
            <a:ext cx="5565274" cy="1990806"/>
            <a:chOff x="2825698" y="5116333"/>
            <a:chExt cx="11129823" cy="3981613"/>
          </a:xfrm>
        </p:grpSpPr>
        <p:sp>
          <p:nvSpPr>
            <p:cNvPr id="30" name="bunnpunkt"/>
            <p:cNvSpPr/>
            <p:nvPr userDrawn="1"/>
          </p:nvSpPr>
          <p:spPr>
            <a:xfrm rot="10800000">
              <a:off x="13739494" y="8881919"/>
              <a:ext cx="216027" cy="216027"/>
            </a:xfrm>
            <a:prstGeom prst="ellipse">
              <a:avLst/>
            </a:prstGeom>
            <a:solidFill>
              <a:schemeClr val="tx2"/>
            </a:solidFill>
            <a:ln w="508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1088639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2177278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3265917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4354556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5443195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6531834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7620472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8709111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nb-NO" sz="4300"/>
            </a:p>
          </p:txBody>
        </p:sp>
        <p:cxnSp>
          <p:nvCxnSpPr>
            <p:cNvPr id="31" name="høyrelinje"/>
            <p:cNvCxnSpPr/>
            <p:nvPr userDrawn="1"/>
          </p:nvCxnSpPr>
          <p:spPr>
            <a:xfrm flipV="1">
              <a:off x="13847508" y="5116333"/>
              <a:ext cx="0" cy="3873600"/>
            </a:xfrm>
            <a:prstGeom prst="line">
              <a:avLst/>
            </a:prstGeom>
            <a:solidFill>
              <a:schemeClr val="tx2"/>
            </a:solidFill>
            <a:ln w="2540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bunnlinje"/>
            <p:cNvCxnSpPr/>
            <p:nvPr userDrawn="1"/>
          </p:nvCxnSpPr>
          <p:spPr>
            <a:xfrm flipH="1">
              <a:off x="2825698" y="8989933"/>
              <a:ext cx="11053382" cy="0"/>
            </a:xfrm>
            <a:prstGeom prst="line">
              <a:avLst/>
            </a:prstGeom>
            <a:solidFill>
              <a:schemeClr val="tx2"/>
            </a:solidFill>
            <a:ln w="2540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3" name="toppramme" hidden="1"/>
          <p:cNvGrpSpPr/>
          <p:nvPr userDrawn="1"/>
        </p:nvGrpSpPr>
        <p:grpSpPr>
          <a:xfrm>
            <a:off x="1770152" y="2076657"/>
            <a:ext cx="5557261" cy="893450"/>
            <a:chOff x="3540073" y="4040672"/>
            <a:chExt cx="11461584" cy="1786900"/>
          </a:xfrm>
        </p:grpSpPr>
        <p:cxnSp>
          <p:nvCxnSpPr>
            <p:cNvPr id="34" name="venstrelinje"/>
            <p:cNvCxnSpPr/>
            <p:nvPr userDrawn="1"/>
          </p:nvCxnSpPr>
          <p:spPr>
            <a:xfrm>
              <a:off x="3701882" y="4387572"/>
              <a:ext cx="0" cy="1440000"/>
            </a:xfrm>
            <a:prstGeom prst="line">
              <a:avLst/>
            </a:prstGeom>
            <a:solidFill>
              <a:schemeClr val="tx2"/>
            </a:solidFill>
            <a:ln w="2540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topplinje"/>
            <p:cNvCxnSpPr/>
            <p:nvPr userDrawn="1"/>
          </p:nvCxnSpPr>
          <p:spPr>
            <a:xfrm>
              <a:off x="3863690" y="4202692"/>
              <a:ext cx="11137967" cy="0"/>
            </a:xfrm>
            <a:prstGeom prst="line">
              <a:avLst/>
            </a:prstGeom>
            <a:solidFill>
              <a:schemeClr val="tx2"/>
            </a:solidFill>
            <a:ln w="2540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toppunkt"/>
            <p:cNvSpPr/>
            <p:nvPr userDrawn="1"/>
          </p:nvSpPr>
          <p:spPr>
            <a:xfrm>
              <a:off x="3540073" y="4040672"/>
              <a:ext cx="334139" cy="324040"/>
            </a:xfrm>
            <a:prstGeom prst="ellipse">
              <a:avLst/>
            </a:prstGeom>
            <a:noFill/>
            <a:ln w="25400"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en-US"/>
              </a:defPPr>
              <a:lvl1pPr marL="0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1088639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2177278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3265917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4354556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5443195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6531834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7620472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8709111" algn="l" defTabSz="2177278" rtl="0" eaLnBrk="1" latinLnBrk="0" hangingPunct="1">
                <a:defRPr sz="43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nb-NO" sz="4300"/>
            </a:p>
          </p:txBody>
        </p:sp>
      </p:grpSp>
    </p:spTree>
    <p:extLst>
      <p:ext uri="{BB962C8B-B14F-4D97-AF65-F5344CB8AC3E}">
        <p14:creationId xmlns:p14="http://schemas.microsoft.com/office/powerpoint/2010/main" val="40209337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5" r:id="rId1"/>
    <p:sldLayoutId id="2147483816" r:id="rId2"/>
    <p:sldLayoutId id="2147483817" r:id="rId3"/>
    <p:sldLayoutId id="2147483818" r:id="rId4"/>
    <p:sldLayoutId id="2147483819" r:id="rId5"/>
    <p:sldLayoutId id="2147483820" r:id="rId6"/>
    <p:sldLayoutId id="2147483821" r:id="rId7"/>
    <p:sldLayoutId id="2147483822" r:id="rId8"/>
    <p:sldLayoutId id="2147483823" r:id="rId9"/>
    <p:sldLayoutId id="2147483824" r:id="rId10"/>
    <p:sldLayoutId id="2147483825" r:id="rId11"/>
    <p:sldLayoutId id="2147483826" r:id="rId12"/>
    <p:sldLayoutId id="2147483827" r:id="rId13"/>
    <p:sldLayoutId id="2147483828" r:id="rId14"/>
  </p:sldLayoutIdLst>
  <p:hf hdr="0" ftr="0" dt="0"/>
  <p:txStyles>
    <p:titleStyle>
      <a:lvl1pPr algn="l" defTabSz="914537" rtl="0" eaLnBrk="1" latinLnBrk="0" hangingPunct="1">
        <a:lnSpc>
          <a:spcPct val="100000"/>
        </a:lnSpc>
        <a:spcBef>
          <a:spcPct val="0"/>
        </a:spcBef>
        <a:buNone/>
        <a:defRPr sz="43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96079" indent="-216043" algn="l" defTabSz="914537" rtl="0" eaLnBrk="1" latinLnBrk="0" hangingPunct="1">
        <a:lnSpc>
          <a:spcPct val="11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1pPr>
      <a:lvl2pPr marL="576115" indent="-216043" algn="l" defTabSz="914537" rtl="0" eaLnBrk="1" latinLnBrk="0" hangingPunct="1">
        <a:lnSpc>
          <a:spcPct val="11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2pPr>
      <a:lvl3pPr marL="756151" indent="-216043" algn="l" defTabSz="914537" rtl="0" eaLnBrk="1" latinLnBrk="0" hangingPunct="1">
        <a:lnSpc>
          <a:spcPct val="110000"/>
        </a:lnSpc>
        <a:spcBef>
          <a:spcPts val="500"/>
        </a:spcBef>
        <a:buFont typeface="Arial" panose="020B0604020202020204" pitchFamily="34" charset="0"/>
        <a:buChar char="•"/>
        <a:defRPr sz="1400" kern="1200">
          <a:solidFill>
            <a:schemeClr val="tx2"/>
          </a:solidFill>
          <a:latin typeface="+mn-lt"/>
          <a:ea typeface="+mn-ea"/>
          <a:cs typeface="+mn-cs"/>
        </a:defRPr>
      </a:lvl3pPr>
      <a:lvl4pPr marL="936187" indent="-216043" algn="l" defTabSz="914537" rtl="0" eaLnBrk="1" latinLnBrk="0" hangingPunct="1">
        <a:lnSpc>
          <a:spcPct val="110000"/>
        </a:lnSpc>
        <a:spcBef>
          <a:spcPts val="500"/>
        </a:spcBef>
        <a:buFont typeface="Arial" panose="020B0604020202020204" pitchFamily="34" charset="0"/>
        <a:buChar char="•"/>
        <a:defRPr sz="1200" kern="1200">
          <a:solidFill>
            <a:schemeClr val="tx2"/>
          </a:solidFill>
          <a:latin typeface="+mn-lt"/>
          <a:ea typeface="+mn-ea"/>
          <a:cs typeface="+mn-cs"/>
        </a:defRPr>
      </a:lvl4pPr>
      <a:lvl5pPr marL="1116223" indent="-216043" algn="l" defTabSz="914537" rtl="0" eaLnBrk="1" latinLnBrk="0" hangingPunct="1">
        <a:lnSpc>
          <a:spcPct val="110000"/>
        </a:lnSpc>
        <a:spcBef>
          <a:spcPts val="500"/>
        </a:spcBef>
        <a:buFont typeface="Arial" panose="020B0604020202020204" pitchFamily="34" charset="0"/>
        <a:buChar char="•"/>
        <a:defRPr sz="12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977" indent="-228634" algn="l" defTabSz="91453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2246" indent="-228634" algn="l" defTabSz="91453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514" indent="-228634" algn="l" defTabSz="91453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783" indent="-228634" algn="l" defTabSz="91453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5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68" algn="l" defTabSz="9145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537" algn="l" defTabSz="9145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806" algn="l" defTabSz="9145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9074" algn="l" defTabSz="9145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343" algn="l" defTabSz="9145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612" algn="l" defTabSz="9145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880" algn="l" defTabSz="9145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8148" algn="l" defTabSz="9145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5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image" Target="../media/image19.jpeg"/><Relationship Id="rId4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png"/><Relationship Id="rId3" Type="http://schemas.openxmlformats.org/officeDocument/2006/relationships/image" Target="../media/image29.png"/><Relationship Id="rId7" Type="http://schemas.openxmlformats.org/officeDocument/2006/relationships/image" Target="../media/image33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49.xml"/><Relationship Id="rId6" Type="http://schemas.openxmlformats.org/officeDocument/2006/relationships/image" Target="../media/image32.png"/><Relationship Id="rId5" Type="http://schemas.openxmlformats.org/officeDocument/2006/relationships/image" Target="../media/image31.png"/><Relationship Id="rId10" Type="http://schemas.openxmlformats.org/officeDocument/2006/relationships/image" Target="../media/image36.svg"/><Relationship Id="rId4" Type="http://schemas.openxmlformats.org/officeDocument/2006/relationships/image" Target="../media/image30.png"/><Relationship Id="rId9" Type="http://schemas.openxmlformats.org/officeDocument/2006/relationships/image" Target="../media/image35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emf"/><Relationship Id="rId1" Type="http://schemas.openxmlformats.org/officeDocument/2006/relationships/slideLayout" Target="../slideLayouts/slideLayout15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6.xml"/><Relationship Id="rId5" Type="http://schemas.openxmlformats.org/officeDocument/2006/relationships/image" Target="../media/image41.png"/><Relationship Id="rId4" Type="http://schemas.openxmlformats.org/officeDocument/2006/relationships/image" Target="../media/image40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1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eg"/><Relationship Id="rId2" Type="http://schemas.openxmlformats.org/officeDocument/2006/relationships/slideLayout" Target="../slideLayouts/slideLayout106.xml"/><Relationship Id="rId1" Type="http://schemas.openxmlformats.org/officeDocument/2006/relationships/tags" Target="../tags/tag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7.xml"/><Relationship Id="rId1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2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5.xml"/><Relationship Id="rId4" Type="http://schemas.openxmlformats.org/officeDocument/2006/relationships/image" Target="../media/image22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0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9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2.xml"/><Relationship Id="rId4" Type="http://schemas.openxmlformats.org/officeDocument/2006/relationships/image" Target="../media/image2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148E445A-F1B7-46F8-B2BC-A8F068E4AF4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nb-NO" dirty="0"/>
          </a:p>
        </p:txBody>
      </p:sp>
      <p:pic>
        <p:nvPicPr>
          <p:cNvPr id="14" name="Picture Placeholder 9">
            <a:extLst>
              <a:ext uri="{FF2B5EF4-FFF2-40B4-BE49-F238E27FC236}">
                <a16:creationId xmlns:a16="http://schemas.microsoft.com/office/drawing/2014/main" id="{32C0E9E0-E4A8-4914-8BF6-54EF1538C133}"/>
              </a:ext>
            </a:extLst>
          </p:cNvPr>
          <p:cNvPicPr>
            <a:picLocks noGrp="1" noChangeAspect="1"/>
          </p:cNvPicPr>
          <p:nvPr>
            <p:ph type="pic" sz="quarter" idx="16"/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085" r="20085"/>
          <a:stretch/>
        </p:blipFill>
        <p:spPr>
          <a:xfrm>
            <a:off x="4897296" y="0"/>
            <a:ext cx="7294704" cy="6858325"/>
          </a:xfr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73168AE5-8AF4-4516-9079-93214BC2049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err="1"/>
              <a:t>Verdien</a:t>
            </a:r>
            <a:r>
              <a:rPr lang="en-GB" dirty="0"/>
              <a:t> </a:t>
            </a:r>
            <a:r>
              <a:rPr lang="en-GB" dirty="0" err="1"/>
              <a:t>av</a:t>
            </a:r>
            <a:r>
              <a:rPr lang="en-GB" dirty="0"/>
              <a:t> </a:t>
            </a:r>
            <a:r>
              <a:rPr lang="en-GB"/>
              <a:t>vann</a:t>
            </a:r>
            <a:endParaRPr lang="en-GB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CA5FE7B8-3A83-4602-9E73-79E02727664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/>
              <a:t>Stefan Jaehnert, PhD</a:t>
            </a:r>
          </a:p>
          <a:p>
            <a:r>
              <a:rPr lang="en-GB"/>
              <a:t>Research manager, </a:t>
            </a:r>
            <a:r>
              <a:rPr lang="en-GB" err="1"/>
              <a:t>Sintef</a:t>
            </a:r>
            <a:r>
              <a:rPr lang="en-GB"/>
              <a:t> </a:t>
            </a:r>
            <a:r>
              <a:rPr lang="en-GB" err="1"/>
              <a:t>Energi</a:t>
            </a:r>
            <a:endParaRPr lang="en-GB"/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33084687-7221-0946-B72A-2F8C5E8AA6EB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8769350" y="6354763"/>
            <a:ext cx="3422650" cy="193675"/>
          </a:xfrm>
        </p:spPr>
        <p:txBody>
          <a:bodyPr/>
          <a:lstStyle/>
          <a:p>
            <a:r>
              <a:rPr lang="nb-NO"/>
              <a:t>Teknologi for et bedre samfun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1954870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F6FEF0-80DE-483C-8051-72BBE1CF33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219048"/>
            <a:ext cx="9407366" cy="1051168"/>
          </a:xfrm>
        </p:spPr>
        <p:txBody>
          <a:bodyPr/>
          <a:lstStyle/>
          <a:p>
            <a:r>
              <a:rPr lang="nb-NO"/>
              <a:t>Prosessen av vannverdiberegning</a:t>
            </a: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1473A270-94B4-4185-A5DA-1D8A4E5C4ED9}"/>
              </a:ext>
            </a:extLst>
          </p:cNvPr>
          <p:cNvGrpSpPr/>
          <p:nvPr/>
        </p:nvGrpSpPr>
        <p:grpSpPr>
          <a:xfrm>
            <a:off x="316490" y="1454578"/>
            <a:ext cx="11193520" cy="5247227"/>
            <a:chOff x="459086" y="417552"/>
            <a:chExt cx="11193520" cy="5247227"/>
          </a:xfrm>
        </p:grpSpPr>
        <p:sp>
          <p:nvSpPr>
            <p:cNvPr id="23" name="Arrow: Right 22">
              <a:extLst>
                <a:ext uri="{FF2B5EF4-FFF2-40B4-BE49-F238E27FC236}">
                  <a16:creationId xmlns:a16="http://schemas.microsoft.com/office/drawing/2014/main" id="{F37EB513-0273-4E34-B24C-CAB021353F79}"/>
                </a:ext>
              </a:extLst>
            </p:cNvPr>
            <p:cNvSpPr/>
            <p:nvPr/>
          </p:nvSpPr>
          <p:spPr>
            <a:xfrm>
              <a:off x="3110114" y="4488680"/>
              <a:ext cx="2274853" cy="677512"/>
            </a:xfrm>
            <a:prstGeom prst="rightArrow">
              <a:avLst/>
            </a:prstGeom>
            <a:solidFill>
              <a:schemeClr val="accent2">
                <a:lumMod val="75000"/>
              </a:schemeClr>
            </a:solidFill>
            <a:ln w="12700" cap="flat" cmpd="sng" algn="ctr">
              <a:solidFill>
                <a:srgbClr val="003C65">
                  <a:shade val="50000"/>
                </a:srgbClr>
              </a:solidFill>
              <a:prstDash val="solid"/>
              <a:miter lim="800000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4" name="Arrow: Right 23">
              <a:extLst>
                <a:ext uri="{FF2B5EF4-FFF2-40B4-BE49-F238E27FC236}">
                  <a16:creationId xmlns:a16="http://schemas.microsoft.com/office/drawing/2014/main" id="{01D53A00-D0BC-4D78-AAC9-5281B05616E3}"/>
                </a:ext>
              </a:extLst>
            </p:cNvPr>
            <p:cNvSpPr/>
            <p:nvPr/>
          </p:nvSpPr>
          <p:spPr>
            <a:xfrm>
              <a:off x="3106596" y="2702408"/>
              <a:ext cx="2274853" cy="677512"/>
            </a:xfrm>
            <a:prstGeom prst="rightArrow">
              <a:avLst/>
            </a:prstGeom>
            <a:solidFill>
              <a:schemeClr val="accent2">
                <a:lumMod val="75000"/>
              </a:schemeClr>
            </a:solidFill>
            <a:ln w="12700" cap="flat" cmpd="sng" algn="ctr">
              <a:solidFill>
                <a:srgbClr val="003C65">
                  <a:shade val="50000"/>
                </a:srgbClr>
              </a:solidFill>
              <a:prstDash val="solid"/>
              <a:miter lim="800000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5" name="Arrow: Right 24">
              <a:extLst>
                <a:ext uri="{FF2B5EF4-FFF2-40B4-BE49-F238E27FC236}">
                  <a16:creationId xmlns:a16="http://schemas.microsoft.com/office/drawing/2014/main" id="{71559129-E0F9-4574-A1D2-CEB8AD8C3F2E}"/>
                </a:ext>
              </a:extLst>
            </p:cNvPr>
            <p:cNvSpPr/>
            <p:nvPr/>
          </p:nvSpPr>
          <p:spPr>
            <a:xfrm>
              <a:off x="3116858" y="830505"/>
              <a:ext cx="2274853" cy="677512"/>
            </a:xfrm>
            <a:prstGeom prst="rightArrow">
              <a:avLst/>
            </a:prstGeom>
            <a:solidFill>
              <a:schemeClr val="accent2">
                <a:lumMod val="75000"/>
              </a:schemeClr>
            </a:solidFill>
            <a:ln w="12700" cap="flat" cmpd="sng" algn="ctr">
              <a:solidFill>
                <a:srgbClr val="003C65">
                  <a:shade val="50000"/>
                </a:srgbClr>
              </a:solidFill>
              <a:prstDash val="solid"/>
              <a:miter lim="800000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38" name="Arrow: Right 37">
              <a:extLst>
                <a:ext uri="{FF2B5EF4-FFF2-40B4-BE49-F238E27FC236}">
                  <a16:creationId xmlns:a16="http://schemas.microsoft.com/office/drawing/2014/main" id="{DCC922A9-FA54-472E-9CCA-A12408810330}"/>
                </a:ext>
              </a:extLst>
            </p:cNvPr>
            <p:cNvSpPr/>
            <p:nvPr/>
          </p:nvSpPr>
          <p:spPr>
            <a:xfrm>
              <a:off x="8079620" y="2484453"/>
              <a:ext cx="1403885" cy="1355024"/>
            </a:xfrm>
            <a:prstGeom prst="rightArrow">
              <a:avLst>
                <a:gd name="adj1" fmla="val 75479"/>
                <a:gd name="adj2" fmla="val 50000"/>
              </a:avLst>
            </a:prstGeom>
            <a:solidFill>
              <a:schemeClr val="accent2">
                <a:lumMod val="75000"/>
              </a:schemeClr>
            </a:solidFill>
            <a:ln w="12700" cap="flat" cmpd="sng" algn="ctr">
              <a:solidFill>
                <a:srgbClr val="003C65">
                  <a:shade val="50000"/>
                </a:srgbClr>
              </a:solidFill>
              <a:prstDash val="solid"/>
              <a:miter lim="800000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263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799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  <p:sp>
          <p:nvSpPr>
            <p:cNvPr id="26" name="Rectangle: Rounded Corners 25">
              <a:extLst>
                <a:ext uri="{FF2B5EF4-FFF2-40B4-BE49-F238E27FC236}">
                  <a16:creationId xmlns:a16="http://schemas.microsoft.com/office/drawing/2014/main" id="{0B6DA044-2201-4455-9723-E5971BFED4BC}"/>
                </a:ext>
              </a:extLst>
            </p:cNvPr>
            <p:cNvSpPr/>
            <p:nvPr/>
          </p:nvSpPr>
          <p:spPr>
            <a:xfrm>
              <a:off x="5373245" y="422328"/>
              <a:ext cx="2696116" cy="5242451"/>
            </a:xfrm>
            <a:prstGeom prst="roundRect">
              <a:avLst/>
            </a:prstGeom>
            <a:solidFill>
              <a:sysClr val="window" lastClr="FFFFFF"/>
            </a:solidFill>
            <a:ln w="12700" cap="flat" cmpd="sng" algn="ctr">
              <a:solidFill>
                <a:srgbClr val="003C65">
                  <a:shade val="50000"/>
                </a:srgbClr>
              </a:solidFill>
              <a:prstDash val="solid"/>
              <a:miter lim="800000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rtlCol="0" anchor="t"/>
            <a:lstStyle/>
            <a:p>
              <a:pPr marL="0" marR="0" lvl="0" indent="0" defTabSz="914263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799" b="0" i="0" u="none" strike="noStrike" kern="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Strategy</a:t>
              </a:r>
              <a:r>
                <a:rPr kumimoji="0" lang="nb-NO" sz="1799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 </a:t>
              </a:r>
              <a:r>
                <a:rPr kumimoji="0" lang="nb-NO" sz="1799" b="0" i="0" u="none" strike="noStrike" kern="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calculation</a:t>
              </a:r>
              <a:endParaRPr kumimoji="0" lang="nb-NO" sz="1799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endParaRPr>
            </a:p>
          </p:txBody>
        </p:sp>
        <p:sp>
          <p:nvSpPr>
            <p:cNvPr id="27" name="Rectangle: Rounded Corners 26">
              <a:extLst>
                <a:ext uri="{FF2B5EF4-FFF2-40B4-BE49-F238E27FC236}">
                  <a16:creationId xmlns:a16="http://schemas.microsoft.com/office/drawing/2014/main" id="{109E5C49-BE45-428B-843D-9FF789EF495F}"/>
                </a:ext>
              </a:extLst>
            </p:cNvPr>
            <p:cNvSpPr/>
            <p:nvPr/>
          </p:nvSpPr>
          <p:spPr>
            <a:xfrm>
              <a:off x="459086" y="4068154"/>
              <a:ext cx="3409505" cy="1596625"/>
            </a:xfrm>
            <a:prstGeom prst="roundRect">
              <a:avLst/>
            </a:prstGeom>
            <a:solidFill>
              <a:sysClr val="window" lastClr="FFFFFF"/>
            </a:solidFill>
            <a:ln w="12700" cap="flat" cmpd="sng" algn="ctr">
              <a:solidFill>
                <a:srgbClr val="003C65">
                  <a:shade val="50000"/>
                </a:srgbClr>
              </a:solidFill>
              <a:prstDash val="solid"/>
              <a:miter lim="800000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rtlCol="0" anchor="t"/>
            <a:lstStyle/>
            <a:p>
              <a:pPr marL="0" marR="0" lvl="0" indent="0" defTabSz="914263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799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Power </a:t>
              </a:r>
              <a:r>
                <a:rPr kumimoji="0" lang="nb-NO" sz="1799" b="0" i="0" u="none" strike="noStrike" kern="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market</a:t>
              </a:r>
              <a:br>
                <a:rPr kumimoji="0" lang="nb-NO" sz="1799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</a:br>
              <a:r>
                <a:rPr kumimoji="0" lang="nb-NO" sz="1799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 and -system</a:t>
              </a:r>
            </a:p>
          </p:txBody>
        </p:sp>
        <p:sp>
          <p:nvSpPr>
            <p:cNvPr id="28" name="Rectangle: Rounded Corners 27">
              <a:extLst>
                <a:ext uri="{FF2B5EF4-FFF2-40B4-BE49-F238E27FC236}">
                  <a16:creationId xmlns:a16="http://schemas.microsoft.com/office/drawing/2014/main" id="{4A1E30D3-3F6C-4C0B-8A1B-FBDDEEC85876}"/>
                </a:ext>
              </a:extLst>
            </p:cNvPr>
            <p:cNvSpPr/>
            <p:nvPr/>
          </p:nvSpPr>
          <p:spPr>
            <a:xfrm>
              <a:off x="459087" y="417552"/>
              <a:ext cx="3409505" cy="1596624"/>
            </a:xfrm>
            <a:prstGeom prst="roundRect">
              <a:avLst/>
            </a:prstGeom>
            <a:solidFill>
              <a:sysClr val="window" lastClr="FFFFFF"/>
            </a:solidFill>
            <a:ln w="12700" cap="flat" cmpd="sng" algn="ctr">
              <a:solidFill>
                <a:srgbClr val="003C65">
                  <a:shade val="50000"/>
                </a:srgbClr>
              </a:solidFill>
              <a:prstDash val="solid"/>
              <a:miter lim="800000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rtlCol="0" anchor="t"/>
            <a:lstStyle/>
            <a:p>
              <a:pPr marL="0" marR="0" lvl="0" indent="0" defTabSz="914263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799" b="0" i="0" u="none" strike="noStrike" kern="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Detailed</a:t>
              </a:r>
              <a:br>
                <a:rPr kumimoji="0" lang="nb-NO" sz="1799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</a:br>
              <a:r>
                <a:rPr kumimoji="0" lang="nb-NO" sz="1799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 </a:t>
              </a:r>
              <a:r>
                <a:rPr kumimoji="0" lang="nb-NO" sz="1799" b="0" i="0" u="none" strike="noStrike" kern="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hydropower</a:t>
              </a:r>
              <a:endParaRPr kumimoji="0" lang="nb-NO" sz="1799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endParaRPr>
            </a:p>
          </p:txBody>
        </p:sp>
        <p:sp>
          <p:nvSpPr>
            <p:cNvPr id="29" name="Rectangle: Rounded Corners 28">
              <a:extLst>
                <a:ext uri="{FF2B5EF4-FFF2-40B4-BE49-F238E27FC236}">
                  <a16:creationId xmlns:a16="http://schemas.microsoft.com/office/drawing/2014/main" id="{51CA37AC-D82D-4E18-B23A-512E50A1CB84}"/>
                </a:ext>
              </a:extLst>
            </p:cNvPr>
            <p:cNvSpPr/>
            <p:nvPr/>
          </p:nvSpPr>
          <p:spPr>
            <a:xfrm>
              <a:off x="459086" y="2242852"/>
              <a:ext cx="3409505" cy="1596625"/>
            </a:xfrm>
            <a:prstGeom prst="roundRect">
              <a:avLst/>
            </a:prstGeom>
            <a:solidFill>
              <a:sysClr val="window" lastClr="FFFFFF"/>
            </a:solidFill>
            <a:ln w="12700" cap="flat" cmpd="sng" algn="ctr">
              <a:solidFill>
                <a:srgbClr val="003C65">
                  <a:shade val="50000"/>
                </a:srgbClr>
              </a:solidFill>
              <a:prstDash val="solid"/>
              <a:miter lim="800000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rtlCol="0" anchor="t"/>
            <a:lstStyle/>
            <a:p>
              <a:pPr marL="0" marR="0" lvl="0" indent="0" defTabSz="914263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799" b="0" i="0" u="none" strike="noStrike" kern="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Weather</a:t>
              </a:r>
              <a:br>
                <a:rPr kumimoji="0" lang="nb-NO" sz="1799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</a:br>
              <a:r>
                <a:rPr kumimoji="0" lang="nb-NO" sz="1799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 data</a:t>
              </a:r>
            </a:p>
          </p:txBody>
        </p:sp>
        <p:sp>
          <p:nvSpPr>
            <p:cNvPr id="30" name="Rectangle: Rounded Corners 29">
              <a:extLst>
                <a:ext uri="{FF2B5EF4-FFF2-40B4-BE49-F238E27FC236}">
                  <a16:creationId xmlns:a16="http://schemas.microsoft.com/office/drawing/2014/main" id="{47267AE5-9ACF-4855-8B3A-4E0EF6E2C5EA}"/>
                </a:ext>
              </a:extLst>
            </p:cNvPr>
            <p:cNvSpPr/>
            <p:nvPr/>
          </p:nvSpPr>
          <p:spPr>
            <a:xfrm>
              <a:off x="9483507" y="417553"/>
              <a:ext cx="2169099" cy="5247226"/>
            </a:xfrm>
            <a:prstGeom prst="roundRect">
              <a:avLst/>
            </a:prstGeom>
            <a:solidFill>
              <a:sysClr val="window" lastClr="FFFFFF"/>
            </a:solidFill>
            <a:ln w="12700" cap="flat" cmpd="sng" algn="ctr">
              <a:solidFill>
                <a:srgbClr val="003C65">
                  <a:shade val="50000"/>
                </a:srgbClr>
              </a:solidFill>
              <a:prstDash val="solid"/>
              <a:miter lim="800000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rtlCol="0" anchor="t"/>
            <a:lstStyle/>
            <a:p>
              <a:pPr marL="0" marR="0" lvl="0" indent="0" defTabSz="914263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nb-NO" sz="1799" b="0" i="0" u="none" strike="noStrike" kern="0" cap="none" spc="0" normalizeH="0" baseline="0" noProof="0" err="1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Results</a:t>
              </a:r>
              <a:endParaRPr kumimoji="0" lang="nb-NO" sz="1799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endParaRPr>
            </a:p>
          </p:txBody>
        </p:sp>
        <p:pic>
          <p:nvPicPr>
            <p:cNvPr id="31" name="Picture 30">
              <a:extLst>
                <a:ext uri="{FF2B5EF4-FFF2-40B4-BE49-F238E27FC236}">
                  <a16:creationId xmlns:a16="http://schemas.microsoft.com/office/drawing/2014/main" id="{8C1F1EBB-843D-4F00-B5C1-0AB7935E8FB6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2219749" y="4114070"/>
              <a:ext cx="1497099" cy="1494105"/>
            </a:xfrm>
            <a:prstGeom prst="rect">
              <a:avLst/>
            </a:prstGeom>
          </p:spPr>
        </p:pic>
        <p:pic>
          <p:nvPicPr>
            <p:cNvPr id="32" name="Picture 31">
              <a:extLst>
                <a:ext uri="{FF2B5EF4-FFF2-40B4-BE49-F238E27FC236}">
                  <a16:creationId xmlns:a16="http://schemas.microsoft.com/office/drawing/2014/main" id="{AE79049C-57EC-4107-9806-63E761ADA4A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5753"/>
            <a:stretch/>
          </p:blipFill>
          <p:spPr>
            <a:xfrm>
              <a:off x="1789976" y="2291080"/>
              <a:ext cx="1893030" cy="1500168"/>
            </a:xfrm>
            <a:prstGeom prst="rect">
              <a:avLst/>
            </a:prstGeom>
          </p:spPr>
        </p:pic>
        <p:pic>
          <p:nvPicPr>
            <p:cNvPr id="33" name="Picture 6">
              <a:extLst>
                <a:ext uri="{FF2B5EF4-FFF2-40B4-BE49-F238E27FC236}">
                  <a16:creationId xmlns:a16="http://schemas.microsoft.com/office/drawing/2014/main" id="{403D1757-9A69-47C1-88A3-01766C72D1E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329710" y="445346"/>
              <a:ext cx="1024984" cy="1541036"/>
            </a:xfrm>
            <a:prstGeom prst="rect">
              <a:avLst/>
            </a:prstGeom>
            <a:solidFill>
              <a:srgbClr val="003C65">
                <a:lumMod val="40000"/>
                <a:lumOff val="60000"/>
              </a:srgbClr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pic>
          <p:nvPicPr>
            <p:cNvPr id="34" name="Picture 33">
              <a:extLst>
                <a:ext uri="{FF2B5EF4-FFF2-40B4-BE49-F238E27FC236}">
                  <a16:creationId xmlns:a16="http://schemas.microsoft.com/office/drawing/2014/main" id="{D58BBBE0-BF02-4316-A128-FD68A4469A5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l="1405" t="10950" r="23998" b="391"/>
            <a:stretch/>
          </p:blipFill>
          <p:spPr>
            <a:xfrm>
              <a:off x="5801660" y="979744"/>
              <a:ext cx="1686903" cy="1662660"/>
            </a:xfrm>
            <a:prstGeom prst="rect">
              <a:avLst/>
            </a:prstGeom>
          </p:spPr>
        </p:pic>
        <p:pic>
          <p:nvPicPr>
            <p:cNvPr id="35" name="Picture 34">
              <a:extLst>
                <a:ext uri="{FF2B5EF4-FFF2-40B4-BE49-F238E27FC236}">
                  <a16:creationId xmlns:a16="http://schemas.microsoft.com/office/drawing/2014/main" id="{339B1632-DB0B-4EC8-9B16-4E6336004CA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"/>
            <a:srcRect l="6864" t="9254"/>
            <a:stretch/>
          </p:blipFill>
          <p:spPr>
            <a:xfrm>
              <a:off x="9710792" y="1037157"/>
              <a:ext cx="1850930" cy="1346936"/>
            </a:xfrm>
            <a:prstGeom prst="rect">
              <a:avLst/>
            </a:prstGeom>
          </p:spPr>
        </p:pic>
        <p:pic>
          <p:nvPicPr>
            <p:cNvPr id="36" name="Picture 35">
              <a:extLst>
                <a:ext uri="{FF2B5EF4-FFF2-40B4-BE49-F238E27FC236}">
                  <a16:creationId xmlns:a16="http://schemas.microsoft.com/office/drawing/2014/main" id="{8D2BB882-EC27-4110-9098-A5F79ED4035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7"/>
            <a:srcRect l="6864" t="9254"/>
            <a:stretch/>
          </p:blipFill>
          <p:spPr>
            <a:xfrm>
              <a:off x="9710792" y="2482360"/>
              <a:ext cx="1850929" cy="1346936"/>
            </a:xfrm>
            <a:prstGeom prst="rect">
              <a:avLst/>
            </a:prstGeom>
          </p:spPr>
        </p:pic>
        <p:pic>
          <p:nvPicPr>
            <p:cNvPr id="37" name="Picture 36">
              <a:extLst>
                <a:ext uri="{FF2B5EF4-FFF2-40B4-BE49-F238E27FC236}">
                  <a16:creationId xmlns:a16="http://schemas.microsoft.com/office/drawing/2014/main" id="{79C0DFF5-B55E-4EE3-B84D-81862B9B081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"/>
            <a:srcRect r="8427"/>
            <a:stretch/>
          </p:blipFill>
          <p:spPr>
            <a:xfrm>
              <a:off x="9929618" y="3954898"/>
              <a:ext cx="1406244" cy="1532572"/>
            </a:xfrm>
            <a:prstGeom prst="rect">
              <a:avLst/>
            </a:prstGeom>
          </p:spPr>
        </p:pic>
        <p:pic>
          <p:nvPicPr>
            <p:cNvPr id="39" name="Picture 58">
              <a:extLst>
                <a:ext uri="{FF2B5EF4-FFF2-40B4-BE49-F238E27FC236}">
                  <a16:creationId xmlns:a16="http://schemas.microsoft.com/office/drawing/2014/main" id="{2FD662EE-5DE4-4897-8334-253EF1A416F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rcRect/>
            <a:stretch/>
          </p:blipFill>
          <p:spPr bwMode="auto">
            <a:xfrm>
              <a:off x="5578553" y="3894114"/>
              <a:ext cx="2266649" cy="1600322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40" name="Arrow: Down 39">
              <a:extLst>
                <a:ext uri="{FF2B5EF4-FFF2-40B4-BE49-F238E27FC236}">
                  <a16:creationId xmlns:a16="http://schemas.microsoft.com/office/drawing/2014/main" id="{E2F1D815-4871-45D6-B31D-64D764C564B9}"/>
                </a:ext>
              </a:extLst>
            </p:cNvPr>
            <p:cNvSpPr/>
            <p:nvPr/>
          </p:nvSpPr>
          <p:spPr>
            <a:xfrm>
              <a:off x="5693690" y="2854560"/>
              <a:ext cx="2094310" cy="709829"/>
            </a:xfrm>
            <a:prstGeom prst="downArrow">
              <a:avLst>
                <a:gd name="adj1" fmla="val 70564"/>
                <a:gd name="adj2" fmla="val 50000"/>
              </a:avLst>
            </a:prstGeom>
            <a:solidFill>
              <a:schemeClr val="accent2">
                <a:lumMod val="75000"/>
              </a:schemeClr>
            </a:solidFill>
            <a:ln w="12700" cap="flat" cmpd="sng" algn="ctr">
              <a:solidFill>
                <a:srgbClr val="003C65">
                  <a:shade val="50000"/>
                </a:srgbClr>
              </a:solidFill>
              <a:prstDash val="solid"/>
              <a:miter lim="800000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txBody>
            <a:bodyPr rtlCol="0" anchor="ctr"/>
            <a:lstStyle/>
            <a:p>
              <a:pPr marL="0" marR="0" lvl="0" indent="0" algn="ctr" defTabSz="914263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br>
                <a:rPr kumimoji="0" lang="nb-NO" sz="1200" b="0" i="0" u="none" strike="noStrike" kern="0" cap="none" spc="0" normalizeH="0" baseline="0" noProof="0">
                  <a:ln>
                    <a:noFill/>
                  </a:ln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</a:br>
              <a:r>
                <a:rPr kumimoji="0" lang="nb-NO" sz="1800" b="0" i="0" u="none" strike="noStrike" kern="0" cap="none" spc="0" normalizeH="0" baseline="0" noProof="0">
                  <a:ln>
                    <a:noFill/>
                  </a:ln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Water </a:t>
              </a:r>
              <a:r>
                <a:rPr kumimoji="0" lang="nb-NO" sz="1800" b="0" i="0" u="none" strike="noStrike" kern="0" cap="none" spc="0" normalizeH="0" baseline="0" noProof="0" err="1">
                  <a:ln>
                    <a:noFill/>
                  </a:ln>
                  <a:effectLst/>
                  <a:uLnTx/>
                  <a:uFillTx/>
                  <a:latin typeface="Calibri Light" panose="020F0302020204030204" pitchFamily="34" charset="0"/>
                  <a:ea typeface="+mn-ea"/>
                  <a:cs typeface="Calibri Light" panose="020F0302020204030204" pitchFamily="34" charset="0"/>
                </a:rPr>
                <a:t>values</a:t>
              </a:r>
              <a:endParaRPr kumimoji="0" lang="nb-NO" sz="1200" b="0" i="0" u="none" strike="noStrike" kern="0" cap="none" spc="0" normalizeH="0" baseline="0" noProof="0">
                <a:ln>
                  <a:noFill/>
                </a:ln>
                <a:effectLst/>
                <a:uLnTx/>
                <a:uFillTx/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4748386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5A87DA9-64E0-4954-AD06-9DC299575E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Optimal strategi - kort forklart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9B1736A-27E0-4929-B10B-EF3DA0C2DF3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nb-NO" dirty="0"/>
              <a:t>Lagre vann, når kraftprisen er lavere enn vannverdi</a:t>
            </a:r>
          </a:p>
          <a:p>
            <a:pPr marL="457200" indent="-457200">
              <a:buFont typeface="+mj-lt"/>
              <a:buAutoNum type="arabicPeriod"/>
            </a:pPr>
            <a:r>
              <a:rPr lang="nb-NO" dirty="0"/>
              <a:t>Produsere vann, når kraftprisen er høyere enn vannverdi</a:t>
            </a:r>
          </a:p>
          <a:p>
            <a:pPr marL="457200" indent="-457200">
              <a:buFont typeface="+mj-lt"/>
              <a:buAutoNum type="arabicPeriod"/>
            </a:pPr>
            <a:r>
              <a:rPr lang="nb-NO" dirty="0"/>
              <a:t>Produsere fra vannkraft når prisen er høyest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8C1D6471-F178-4500-9A98-118CA0992DAA}"/>
              </a:ext>
            </a:extLst>
          </p:cNvPr>
          <p:cNvSpPr>
            <a:spLocks noGrp="1"/>
          </p:cNvSpPr>
          <p:nvPr>
            <p:ph idx="14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nb-NO" dirty="0"/>
              <a:t>Unngå å tøm magasinene for tidlig</a:t>
            </a:r>
            <a:br>
              <a:rPr lang="nb-NO" dirty="0"/>
            </a:br>
            <a:endParaRPr lang="nb-NO" dirty="0"/>
          </a:p>
          <a:p>
            <a:pPr>
              <a:buFont typeface="Wingdings" panose="05000000000000000000" pitchFamily="2" charset="2"/>
              <a:buChar char="Ø"/>
            </a:pPr>
            <a:r>
              <a:rPr lang="nb-NO" dirty="0"/>
              <a:t>Unngå at magasinene flommer over</a:t>
            </a:r>
            <a:br>
              <a:rPr lang="nb-NO" dirty="0"/>
            </a:br>
            <a:endParaRPr lang="nb-NO" dirty="0"/>
          </a:p>
          <a:p>
            <a:pPr>
              <a:buFont typeface="Wingdings" panose="05000000000000000000" pitchFamily="2" charset="2"/>
              <a:buChar char="Ø"/>
            </a:pPr>
            <a:r>
              <a:rPr lang="nb-NO" dirty="0"/>
              <a:t>Oppnå størst kraftproduksjon når etterspørsel er størst og kraftproduksjon er mest verdifull </a:t>
            </a:r>
            <a:r>
              <a:rPr lang="nb-NO"/>
              <a:t>for samfunn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741611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2FDF89-52EE-4C0E-9E9C-CF231E1860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8659141" cy="1051168"/>
          </a:xfrm>
        </p:spPr>
        <p:txBody>
          <a:bodyPr/>
          <a:lstStyle/>
          <a:p>
            <a:r>
              <a:rPr lang="nb-NO"/>
              <a:t>Ikke optimal ressursutnyttelse kan ha stor samfunnsøkonomiske konsekvenser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D995E205-89F4-4D95-91D3-FD616FCD503F}"/>
              </a:ext>
            </a:extLst>
          </p:cNvPr>
          <p:cNvSpPr/>
          <p:nvPr/>
        </p:nvSpPr>
        <p:spPr>
          <a:xfrm>
            <a:off x="2183917" y="5862614"/>
            <a:ext cx="600215" cy="3524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35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EBF4132-1461-4211-8E6C-D84B68F8585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9895" y="1356031"/>
            <a:ext cx="7459862" cy="4859008"/>
          </a:xfrm>
          <a:prstGeom prst="rect">
            <a:avLst/>
          </a:prstGeom>
        </p:spPr>
      </p:pic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9B4FE0B5-4475-4354-AE90-C39DACC0277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350369" y="2807351"/>
            <a:ext cx="4541736" cy="2526649"/>
          </a:xfrm>
        </p:spPr>
        <p:txBody>
          <a:bodyPr/>
          <a:lstStyle/>
          <a:p>
            <a:r>
              <a:rPr lang="nb-NO"/>
              <a:t>1 % ekstra flom i Norden gir ca. 1 milliard lavere samfunns-økonomisk overskudd per år</a:t>
            </a:r>
          </a:p>
          <a:p>
            <a:r>
              <a:rPr lang="nb-NO"/>
              <a:t>"for lite" flom gir enda større tap</a:t>
            </a:r>
          </a:p>
          <a:p>
            <a:endParaRPr lang="nb-NO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EC414FD3-FA88-4B6C-8AB4-28E2F82A5473}"/>
              </a:ext>
            </a:extLst>
          </p:cNvPr>
          <p:cNvSpPr/>
          <p:nvPr/>
        </p:nvSpPr>
        <p:spPr>
          <a:xfrm>
            <a:off x="6793522" y="4525108"/>
            <a:ext cx="1113693" cy="133750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/>
              <a:t>NB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C239163-D754-4E16-8A62-656DDF84E9CC}"/>
              </a:ext>
            </a:extLst>
          </p:cNvPr>
          <p:cNvSpPr txBox="1"/>
          <p:nvPr/>
        </p:nvSpPr>
        <p:spPr>
          <a:xfrm>
            <a:off x="2887760" y="2567354"/>
            <a:ext cx="1098086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nb-NO"/>
              <a:t>Optimal</a:t>
            </a:r>
            <a:br>
              <a:rPr lang="nb-NO"/>
            </a:br>
            <a:r>
              <a:rPr lang="nb-NO"/>
              <a:t>strategi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0E6CA49-3502-4F69-8AA0-C9CB695D4FBF}"/>
              </a:ext>
            </a:extLst>
          </p:cNvPr>
          <p:cNvSpPr txBox="1"/>
          <p:nvPr/>
        </p:nvSpPr>
        <p:spPr>
          <a:xfrm>
            <a:off x="8651494" y="5390377"/>
            <a:ext cx="308834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/>
              <a:t>NB: foreløpige resultater fra en</a:t>
            </a:r>
          </a:p>
          <a:p>
            <a:r>
              <a:rPr lang="nb-NO"/>
              <a:t>        ikke fagfelt-vurdert studie</a:t>
            </a:r>
          </a:p>
        </p:txBody>
      </p:sp>
    </p:spTree>
    <p:extLst>
      <p:ext uri="{BB962C8B-B14F-4D97-AF65-F5344CB8AC3E}">
        <p14:creationId xmlns:p14="http://schemas.microsoft.com/office/powerpoint/2010/main" val="335198144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ED49DD01-EEB6-4689-9DE0-E931914E495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 rot="16200000">
            <a:off x="4735917" y="1719737"/>
            <a:ext cx="2231753" cy="463550"/>
          </a:xfrm>
        </p:spPr>
        <p:txBody>
          <a:bodyPr>
            <a:normAutofit/>
          </a:bodyPr>
          <a:lstStyle/>
          <a:p>
            <a:r>
              <a:rPr lang="nb-NO"/>
              <a:t>Utveksling</a:t>
            </a:r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3129E733-B510-4D4F-85EE-D9E9078D4AD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nb-NO"/>
              <a:t>Utveksling</a:t>
            </a:r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2D1DFA91-EECF-42A6-BA5E-A9F69E5FA87B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r>
              <a:rPr lang="nb-NO"/>
              <a:t>Ingen utveksling</a:t>
            </a:r>
          </a:p>
        </p:txBody>
      </p:sp>
      <p:pic>
        <p:nvPicPr>
          <p:cNvPr id="19" name="Content Placeholder 18">
            <a:extLst>
              <a:ext uri="{FF2B5EF4-FFF2-40B4-BE49-F238E27FC236}">
                <a16:creationId xmlns:a16="http://schemas.microsoft.com/office/drawing/2014/main" id="{62981055-C27D-4A76-9B71-BD61C2180E2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23032" y="834977"/>
            <a:ext cx="2908610" cy="2908610"/>
          </a:xfrm>
        </p:spPr>
      </p:pic>
      <p:pic>
        <p:nvPicPr>
          <p:cNvPr id="21" name="Content Placeholder 20">
            <a:extLst>
              <a:ext uri="{FF2B5EF4-FFF2-40B4-BE49-F238E27FC236}">
                <a16:creationId xmlns:a16="http://schemas.microsoft.com/office/drawing/2014/main" id="{24BCB412-6955-4CF1-AE07-1F771C20C16B}"/>
              </a:ext>
            </a:extLst>
          </p:cNvPr>
          <p:cNvPicPr>
            <a:picLocks noGrp="1" noChangeAspect="1"/>
          </p:cNvPicPr>
          <p:nvPr>
            <p:ph idx="2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25100" y="3756403"/>
            <a:ext cx="2908610" cy="2908610"/>
          </a:xfrm>
        </p:spPr>
      </p:pic>
      <p:pic>
        <p:nvPicPr>
          <p:cNvPr id="23" name="Content Placeholder 22">
            <a:extLst>
              <a:ext uri="{FF2B5EF4-FFF2-40B4-BE49-F238E27FC236}">
                <a16:creationId xmlns:a16="http://schemas.microsoft.com/office/drawing/2014/main" id="{5FAECAD3-1D4C-438A-8F17-FA6DF2E5903E}"/>
              </a:ext>
            </a:extLst>
          </p:cNvPr>
          <p:cNvPicPr>
            <a:picLocks noGrp="1" noChangeAspect="1"/>
          </p:cNvPicPr>
          <p:nvPr>
            <p:ph idx="23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00417" y="815142"/>
            <a:ext cx="2908610" cy="2908610"/>
          </a:xfrm>
        </p:spPr>
      </p:pic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2AB75E35-1F22-4325-814E-8A4F202BC361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 rot="16200000">
            <a:off x="4676900" y="4871415"/>
            <a:ext cx="2231753" cy="463550"/>
          </a:xfrm>
        </p:spPr>
        <p:txBody>
          <a:bodyPr>
            <a:normAutofit fontScale="85000" lnSpcReduction="10000"/>
          </a:bodyPr>
          <a:lstStyle/>
          <a:p>
            <a:r>
              <a:rPr lang="nb-NO"/>
              <a:t>Begrenset utveksling</a:t>
            </a:r>
          </a:p>
        </p:txBody>
      </p:sp>
      <p:pic>
        <p:nvPicPr>
          <p:cNvPr id="25" name="Content Placeholder 24">
            <a:extLst>
              <a:ext uri="{FF2B5EF4-FFF2-40B4-BE49-F238E27FC236}">
                <a16:creationId xmlns:a16="http://schemas.microsoft.com/office/drawing/2014/main" id="{7EE3EFD8-375D-4B08-BCCC-71F057979BBD}"/>
              </a:ext>
            </a:extLst>
          </p:cNvPr>
          <p:cNvPicPr>
            <a:picLocks noGrp="1" noChangeAspect="1"/>
          </p:cNvPicPr>
          <p:nvPr>
            <p:ph idx="2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902078" y="3750154"/>
            <a:ext cx="2906541" cy="2906541"/>
          </a:xfr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D73576C5-54E8-44F0-8FF1-0A0F095654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723928" cy="1051168"/>
          </a:xfrm>
        </p:spPr>
        <p:txBody>
          <a:bodyPr/>
          <a:lstStyle/>
          <a:p>
            <a:r>
              <a:rPr lang="nb-NO" sz="3200" dirty="0"/>
              <a:t>Eksogene effekter på nordiske kraftpriser</a:t>
            </a:r>
          </a:p>
        </p:txBody>
      </p:sp>
      <p:sp>
        <p:nvSpPr>
          <p:cNvPr id="26" name="Text Placeholder 10">
            <a:extLst>
              <a:ext uri="{FF2B5EF4-FFF2-40B4-BE49-F238E27FC236}">
                <a16:creationId xmlns:a16="http://schemas.microsoft.com/office/drawing/2014/main" id="{8BE21B83-D3D1-4A31-8073-1B0BB5B51B4D}"/>
              </a:ext>
            </a:extLst>
          </p:cNvPr>
          <p:cNvSpPr txBox="1">
            <a:spLocks/>
          </p:cNvSpPr>
          <p:nvPr/>
        </p:nvSpPr>
        <p:spPr>
          <a:xfrm>
            <a:off x="6365430" y="365231"/>
            <a:ext cx="2231753" cy="463550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None/>
              <a:defRPr sz="2400" b="1" kern="1200">
                <a:solidFill>
                  <a:schemeClr val="tx2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5724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  <a:lvl3pPr marL="8568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3pPr>
            <a:lvl4pPr marL="11448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4pPr>
            <a:lvl5pPr marL="14292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14B978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kumimoji="0" lang="nb-NO" sz="2400" b="1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Lav brensel pris</a:t>
            </a:r>
          </a:p>
        </p:txBody>
      </p:sp>
      <p:sp>
        <p:nvSpPr>
          <p:cNvPr id="27" name="Text Placeholder 10">
            <a:extLst>
              <a:ext uri="{FF2B5EF4-FFF2-40B4-BE49-F238E27FC236}">
                <a16:creationId xmlns:a16="http://schemas.microsoft.com/office/drawing/2014/main" id="{792CF48B-07C3-459F-9051-6259DA48D591}"/>
              </a:ext>
            </a:extLst>
          </p:cNvPr>
          <p:cNvSpPr txBox="1">
            <a:spLocks/>
          </p:cNvSpPr>
          <p:nvPr/>
        </p:nvSpPr>
        <p:spPr>
          <a:xfrm>
            <a:off x="9111801" y="328129"/>
            <a:ext cx="2231753" cy="463550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None/>
              <a:defRPr sz="2400" b="1" kern="1200">
                <a:solidFill>
                  <a:schemeClr val="tx2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5724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20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2pPr>
            <a:lvl3pPr marL="8568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3pPr>
            <a:lvl4pPr marL="11448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6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4pPr>
            <a:lvl5pPr marL="14292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500" kern="1200">
                <a:solidFill>
                  <a:schemeClr val="tx2"/>
                </a:solidFill>
                <a:latin typeface="Calibri Light" panose="020F0302020204030204" pitchFamily="34" charset="0"/>
                <a:ea typeface="+mn-ea"/>
                <a:cs typeface="Calibri Light" panose="020F03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14B978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kumimoji="0" lang="nb-NO" sz="2400" b="1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Høy brensel pris</a:t>
            </a:r>
          </a:p>
        </p:txBody>
      </p:sp>
      <p:sp>
        <p:nvSpPr>
          <p:cNvPr id="28" name="Plassholder for innhold 1">
            <a:extLst>
              <a:ext uri="{FF2B5EF4-FFF2-40B4-BE49-F238E27FC236}">
                <a16:creationId xmlns:a16="http://schemas.microsoft.com/office/drawing/2014/main" id="{9784E20B-645F-4324-AA8B-5D90D0CD723A}"/>
              </a:ext>
            </a:extLst>
          </p:cNvPr>
          <p:cNvSpPr txBox="1">
            <a:spLocks/>
          </p:cNvSpPr>
          <p:nvPr/>
        </p:nvSpPr>
        <p:spPr>
          <a:xfrm>
            <a:off x="758190" y="2259018"/>
            <a:ext cx="4454932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285750" indent="-2844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SzPct val="100000"/>
              <a:buFont typeface="Arial" panose="020B0604020202020204" pitchFamily="34" charset="0"/>
              <a:buChar char="•"/>
              <a:defRPr sz="2000" kern="1200">
                <a:solidFill>
                  <a:schemeClr val="tx2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5724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alibri Light" panose="020F0302020204030204" pitchFamily="34" charset="0"/>
              <a:buChar char="‒"/>
              <a:defRPr sz="1800" kern="1200">
                <a:solidFill>
                  <a:schemeClr val="tx2"/>
                </a:solidFill>
                <a:latin typeface="+mj-lt"/>
                <a:ea typeface="+mn-ea"/>
                <a:cs typeface="Calibri Light" panose="020F0302020204030204" pitchFamily="34" charset="0"/>
              </a:defRPr>
            </a:lvl2pPr>
            <a:lvl3pPr marL="8568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600" kern="1200">
                <a:solidFill>
                  <a:schemeClr val="tx2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11448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Courier New" panose="02070309020205020404" pitchFamily="49" charset="0"/>
              <a:buChar char="o"/>
              <a:defRPr sz="1500" kern="1200">
                <a:solidFill>
                  <a:schemeClr val="tx2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1429200" indent="-2844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2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marR="0" lvl="0" indent="-2844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14B978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nb-NO" sz="2000" b="0" i="0" u="none" strike="noStrike" kern="1200" cap="none" spc="0" normalizeH="0" baseline="0" noProof="0" dirty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Prissetting i Norden er basert på alternative kostnader</a:t>
            </a:r>
            <a:br>
              <a:rPr kumimoji="0" lang="nb-NO" sz="2000" b="0" i="0" u="none" strike="noStrike" kern="1200" cap="none" spc="0" normalizeH="0" baseline="0" noProof="0" dirty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</a:br>
            <a:r>
              <a:rPr kumimoji="0" lang="nb-NO" sz="2000" b="0" i="0" u="none" strike="noStrike" kern="1200" cap="none" spc="0" normalizeH="0" baseline="0" noProof="0" dirty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=&gt; brensel kostnader i Europa her en direkte effekt på kraftprisen i Norden</a:t>
            </a:r>
          </a:p>
          <a:p>
            <a:pPr marL="285750" marR="0" lvl="0" indent="-2844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14B978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nb-NO" sz="2000" b="0" i="0" u="none" strike="noStrike" kern="1200" cap="none" spc="0" normalizeH="0" baseline="0" noProof="0" dirty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Økt utveksling med Europa fører til økt prisgradient</a:t>
            </a:r>
            <a:br>
              <a:rPr kumimoji="0" lang="nb-NO" sz="2000" b="0" i="0" u="none" strike="noStrike" kern="1200" cap="none" spc="0" normalizeH="0" baseline="0" noProof="0" dirty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</a:br>
            <a:r>
              <a:rPr kumimoji="0" lang="nb-NO" sz="2000" b="0" i="0" u="none" strike="noStrike" kern="1200" cap="none" spc="0" normalizeH="0" baseline="0" noProof="0" dirty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Calibri Light" panose="020F0302020204030204" pitchFamily="34" charset="0"/>
              </a:rPr>
              <a:t>=&gt; interne flaskehalser i Norden blir mer begrensende</a:t>
            </a:r>
          </a:p>
          <a:p>
            <a:pPr marL="285750" marR="0" lvl="0" indent="-28440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14B978"/>
              </a:buClr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lang="nb-NO" u="sng" dirty="0">
                <a:solidFill>
                  <a:srgbClr val="003C65"/>
                </a:solidFill>
                <a:latin typeface="Calibri"/>
              </a:rPr>
              <a:t>Europa påvirker nordiske kraftpriser så fort det eksisterer en kobling</a:t>
            </a:r>
            <a:r>
              <a:rPr lang="nb-NO" dirty="0">
                <a:solidFill>
                  <a:srgbClr val="003C65"/>
                </a:solidFill>
                <a:latin typeface="Calibri"/>
              </a:rPr>
              <a:t> </a:t>
            </a:r>
            <a:br>
              <a:rPr lang="nb-NO" dirty="0">
                <a:solidFill>
                  <a:srgbClr val="003C65"/>
                </a:solidFill>
                <a:latin typeface="Calibri"/>
              </a:rPr>
            </a:br>
            <a:r>
              <a:rPr lang="nb-NO" dirty="0">
                <a:solidFill>
                  <a:srgbClr val="003C65"/>
                </a:solidFill>
                <a:latin typeface="Calibri"/>
              </a:rPr>
              <a:t>(og det nordiske system er ingen øy)</a:t>
            </a:r>
            <a:endParaRPr kumimoji="0" lang="nb-NO" sz="2000" b="0" i="0" strike="noStrike" kern="1200" cap="none" spc="0" normalizeH="0" baseline="0" noProof="0" dirty="0">
              <a:ln>
                <a:noFill/>
              </a:ln>
              <a:solidFill>
                <a:srgbClr val="003C65"/>
              </a:solidFill>
              <a:effectLst/>
              <a:uLnTx/>
              <a:uFillTx/>
              <a:latin typeface="Calibri"/>
              <a:ea typeface="+mn-ea"/>
              <a:cs typeface="Calibri Light" panose="020F030202020403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5C3D5CB9-F128-4196-AFE8-DA2FB2A19CE8}"/>
              </a:ext>
            </a:extLst>
          </p:cNvPr>
          <p:cNvSpPr txBox="1"/>
          <p:nvPr/>
        </p:nvSpPr>
        <p:spPr>
          <a:xfrm>
            <a:off x="744408" y="5695847"/>
            <a:ext cx="337810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400"/>
              <a:t>NB: Utveksling: med / uten NSL og </a:t>
            </a:r>
            <a:r>
              <a:rPr lang="nb-NO" sz="1400" err="1"/>
              <a:t>NordLink</a:t>
            </a:r>
            <a:endParaRPr lang="nb-NO" sz="1400"/>
          </a:p>
          <a:p>
            <a:r>
              <a:rPr lang="nb-NO" sz="1400"/>
              <a:t>        </a:t>
            </a:r>
            <a:r>
              <a:rPr lang="nb-NO" sz="1400" err="1"/>
              <a:t>Brenselpris</a:t>
            </a:r>
            <a:r>
              <a:rPr lang="nb-NO" sz="1400"/>
              <a:t>: 30 vs. 90 EUR/</a:t>
            </a:r>
            <a:r>
              <a:rPr lang="nb-NO" sz="1400" err="1"/>
              <a:t>MWh</a:t>
            </a:r>
            <a:r>
              <a:rPr lang="nb-NO" sz="1400"/>
              <a:t> Gass</a:t>
            </a:r>
          </a:p>
        </p:txBody>
      </p:sp>
    </p:spTree>
    <p:extLst>
      <p:ext uri="{BB962C8B-B14F-4D97-AF65-F5344CB8AC3E}">
        <p14:creationId xmlns:p14="http://schemas.microsoft.com/office/powerpoint/2010/main" val="422336046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273D5555-84F8-4779-A3F8-E5CB7BA044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Magasindisponering</a:t>
            </a:r>
            <a:br>
              <a:rPr lang="nb-NO"/>
            </a:br>
            <a:r>
              <a:rPr lang="nb-NO" sz="2400"/>
              <a:t>Før og etter energiloven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A287FEB7-6DAA-41A8-82F3-6E75C89B3790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189" y="2259018"/>
            <a:ext cx="6252211" cy="391001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dirty="0"/>
              <a:t>[…] Før energiloven var sannsynligvis kraftselskapene noe forsiktigere enn dagens produsenter fordi de hadde et formelt ansvar lokalt for forsyningssikkerheten […]</a:t>
            </a:r>
          </a:p>
          <a:p>
            <a:endParaRPr lang="nb-NO" dirty="0"/>
          </a:p>
          <a:p>
            <a:pPr>
              <a:buFont typeface="Wingdings" panose="05000000000000000000" pitchFamily="2" charset="2"/>
              <a:buChar char="Ø"/>
            </a:pPr>
            <a:endParaRPr lang="nb-NO" dirty="0"/>
          </a:p>
          <a:p>
            <a:pPr>
              <a:buFont typeface="Wingdings" panose="05000000000000000000" pitchFamily="2" charset="2"/>
              <a:buChar char="Ø"/>
            </a:pPr>
            <a:r>
              <a:rPr lang="nb-NO" dirty="0"/>
              <a:t>Hvordan vurderes rasjonering i dag?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73CE3A02-3310-4E2A-ADD0-5DC5209209F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362093" y="1597394"/>
            <a:ext cx="3657600" cy="219075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5B35B3AF-3E7B-48D5-82B4-4CC25081F5FC}"/>
              </a:ext>
            </a:extLst>
          </p:cNvPr>
          <p:cNvSpPr txBox="1"/>
          <p:nvPr/>
        </p:nvSpPr>
        <p:spPr>
          <a:xfrm>
            <a:off x="7460168" y="6247203"/>
            <a:ext cx="365760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sz="1200"/>
              <a:t>O. Wolfgang, et al., Hydro </a:t>
            </a:r>
            <a:r>
              <a:rPr lang="nb-NO" sz="1200" err="1"/>
              <a:t>reservoir</a:t>
            </a:r>
            <a:r>
              <a:rPr lang="nb-NO" sz="1200"/>
              <a:t> handling in Norway </a:t>
            </a:r>
            <a:r>
              <a:rPr lang="nb-NO" sz="1200" err="1"/>
              <a:t>before</a:t>
            </a:r>
            <a:r>
              <a:rPr lang="nb-NO" sz="1200"/>
              <a:t> and </a:t>
            </a:r>
            <a:r>
              <a:rPr lang="nb-NO" sz="1200" err="1"/>
              <a:t>after</a:t>
            </a:r>
            <a:r>
              <a:rPr lang="nb-NO" sz="1200"/>
              <a:t> </a:t>
            </a:r>
            <a:r>
              <a:rPr lang="nb-NO" sz="1200" err="1"/>
              <a:t>deregulation</a:t>
            </a:r>
            <a:r>
              <a:rPr lang="nb-NO" sz="1200"/>
              <a:t>, Energy, 2009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06BCB392-E574-4DA3-8C8D-22A05504CD4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71618" y="4059847"/>
            <a:ext cx="3648075" cy="2114550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FC456A23-38D7-48DF-90BB-C4B61284A159}"/>
              </a:ext>
            </a:extLst>
          </p:cNvPr>
          <p:cNvSpPr txBox="1"/>
          <p:nvPr/>
        </p:nvSpPr>
        <p:spPr>
          <a:xfrm>
            <a:off x="676707" y="3608335"/>
            <a:ext cx="3657600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sz="1200" dirty="0"/>
              <a:t>O. Wolfgang, et al., Magasindisponering før og etter energiloven TR A6569, SINTEF Energi, 2007</a:t>
            </a:r>
          </a:p>
        </p:txBody>
      </p:sp>
    </p:spTree>
    <p:extLst>
      <p:ext uri="{BB962C8B-B14F-4D97-AF65-F5344CB8AC3E}">
        <p14:creationId xmlns:p14="http://schemas.microsoft.com/office/powerpoint/2010/main" val="188876212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3">
            <a:extLst>
              <a:ext uri="{FF2B5EF4-FFF2-40B4-BE49-F238E27FC236}">
                <a16:creationId xmlns:a16="http://schemas.microsoft.com/office/drawing/2014/main" id="{470128B0-EF66-664B-806D-99F82F2F4B8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18955" y="234799"/>
            <a:ext cx="3993356" cy="1051168"/>
          </a:xfrm>
        </p:spPr>
        <p:txBody>
          <a:bodyPr/>
          <a:lstStyle/>
          <a:p>
            <a:r>
              <a:rPr lang="nb-NO"/>
              <a:t>Viktige momenter</a:t>
            </a:r>
          </a:p>
        </p:txBody>
      </p:sp>
      <p:sp>
        <p:nvSpPr>
          <p:cNvPr id="5" name="Plassholder for tekst 4">
            <a:extLst>
              <a:ext uri="{FF2B5EF4-FFF2-40B4-BE49-F238E27FC236}">
                <a16:creationId xmlns:a16="http://schemas.microsoft.com/office/drawing/2014/main" id="{D87E4D8A-B607-DD45-BED7-5FFF57FEA53D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1506" y="1704109"/>
            <a:ext cx="5474494" cy="4320771"/>
          </a:xfrm>
        </p:spPr>
        <p:txBody>
          <a:bodyPr>
            <a:normAutofit/>
          </a:bodyPr>
          <a:lstStyle/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Et godt strategi for magasindisponering fører til stor samfunnsøkonomisk gevinst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Vannverdien er en effektiv styresignal for magasindisponering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Økende kraftetterspørsel (elektrifisering) utfordrer kraftbalansen og gjør vann i magasinene enda mer verdifull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nb-NO" dirty="0"/>
              <a:t>Det eksisterende system har fungert</a:t>
            </a:r>
            <a:br>
              <a:rPr lang="nb-NO" dirty="0"/>
            </a:br>
            <a:r>
              <a:rPr lang="nb-NO" dirty="0"/>
              <a:t>godt (før og etter energiloven) og</a:t>
            </a:r>
            <a:br>
              <a:rPr lang="nb-NO" dirty="0"/>
            </a:br>
            <a:r>
              <a:rPr lang="nb-NO" dirty="0"/>
              <a:t>sørget for tilstrekkelige og verdifulle</a:t>
            </a:r>
            <a:br>
              <a:rPr lang="nb-NO" dirty="0"/>
            </a:br>
            <a:r>
              <a:rPr lang="nb-NO" dirty="0"/>
              <a:t>kraftressurser i tørr- og våtår </a:t>
            </a:r>
          </a:p>
        </p:txBody>
      </p:sp>
      <p:pic>
        <p:nvPicPr>
          <p:cNvPr id="7" name="Picture Placeholder 10" descr="Graphical user interface, chart, histogram&#10;&#10;Description automatically generated">
            <a:extLst>
              <a:ext uri="{FF2B5EF4-FFF2-40B4-BE49-F238E27FC236}">
                <a16:creationId xmlns:a16="http://schemas.microsoft.com/office/drawing/2014/main" id="{1188FCF2-1D54-4C8B-BF83-76F021521F3E}"/>
              </a:ext>
            </a:extLst>
          </p:cNvPr>
          <p:cNvPicPr>
            <a:picLocks noGrp="1" noChangeAspect="1"/>
          </p:cNvPicPr>
          <p:nvPr>
            <p:ph type="pic" sz="quarter" idx="16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502" r="14502"/>
          <a:stretch/>
        </p:blipFill>
        <p:spPr>
          <a:xfrm>
            <a:off x="4897438" y="0"/>
            <a:ext cx="7294562" cy="6858000"/>
          </a:xfrm>
          <a:noFill/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0804233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0A7728D-7133-4A50-AAD2-58F5F43001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/>
              <a:t>Teknologi for et bedre samfunn</a:t>
            </a:r>
            <a:endParaRPr lang="nb-NO" sz="390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4370370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78E27E4F-F9BB-4926-92CD-F5BB6FFDCD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Introduksjon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469497D-3976-4CD3-A862-C16C3AF54A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4888631" cy="3910012"/>
          </a:xfrm>
        </p:spPr>
        <p:txBody>
          <a:bodyPr/>
          <a:lstStyle/>
          <a:p>
            <a:r>
              <a:rPr lang="nb-NO"/>
              <a:t>Hvordan settes prisen i det nordiske kraftmarked?</a:t>
            </a:r>
          </a:p>
          <a:p>
            <a:r>
              <a:rPr lang="nb-NO"/>
              <a:t>Hva er vannverdien og hvordan kommer man fram til den?</a:t>
            </a:r>
          </a:p>
          <a:p>
            <a:r>
              <a:rPr lang="nb-NO"/>
              <a:t>Hva har det med det europeisk kraftsystem å gjøre?</a:t>
            </a:r>
          </a:p>
          <a:p>
            <a:r>
              <a:rPr lang="nb-NO"/>
              <a:t>Kan vi lære noe fra tidligere?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F1FC57A-AA23-4896-BA46-AA9D0E65473E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287" t="28272" r="4396" b="24772"/>
          <a:stretch/>
        </p:blipFill>
        <p:spPr>
          <a:xfrm>
            <a:off x="5646821" y="379964"/>
            <a:ext cx="6545179" cy="5438274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671BEFA1-FB03-42BD-9AB9-67E9EB5F9823}"/>
              </a:ext>
            </a:extLst>
          </p:cNvPr>
          <p:cNvSpPr txBox="1"/>
          <p:nvPr/>
        </p:nvSpPr>
        <p:spPr>
          <a:xfrm>
            <a:off x="5747083" y="5818238"/>
            <a:ext cx="132356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400"/>
              <a:t>Kilde: </a:t>
            </a:r>
            <a:r>
              <a:rPr lang="nb-NO" sz="1400" err="1"/>
              <a:t>Nordpool</a:t>
            </a:r>
            <a:endParaRPr lang="nb-NO" sz="1400"/>
          </a:p>
        </p:txBody>
      </p:sp>
    </p:spTree>
    <p:extLst>
      <p:ext uri="{BB962C8B-B14F-4D97-AF65-F5344CB8AC3E}">
        <p14:creationId xmlns:p14="http://schemas.microsoft.com/office/powerpoint/2010/main" val="257915832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B52A569-8141-4D20-89EA-670E409176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Markedskryss - teoretisk</a:t>
            </a:r>
          </a:p>
        </p:txBody>
      </p:sp>
      <p:cxnSp>
        <p:nvCxnSpPr>
          <p:cNvPr id="8" name="Straight Arrow Connector 7">
            <a:extLst>
              <a:ext uri="{FF2B5EF4-FFF2-40B4-BE49-F238E27FC236}">
                <a16:creationId xmlns:a16="http://schemas.microsoft.com/office/drawing/2014/main" id="{5851AC51-3828-4085-BD43-CEE924959FE0}"/>
              </a:ext>
            </a:extLst>
          </p:cNvPr>
          <p:cNvCxnSpPr/>
          <p:nvPr/>
        </p:nvCxnSpPr>
        <p:spPr>
          <a:xfrm flipV="1">
            <a:off x="1488831" y="1934309"/>
            <a:ext cx="0" cy="3974123"/>
          </a:xfrm>
          <a:prstGeom prst="straightConnector1">
            <a:avLst/>
          </a:prstGeom>
          <a:ln w="38100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3F9CDB24-AE3C-4241-A737-234AEEE1F3A3}"/>
              </a:ext>
            </a:extLst>
          </p:cNvPr>
          <p:cNvCxnSpPr>
            <a:cxnSpLocks/>
          </p:cNvCxnSpPr>
          <p:nvPr/>
        </p:nvCxnSpPr>
        <p:spPr>
          <a:xfrm>
            <a:off x="1488831" y="5908432"/>
            <a:ext cx="8639907" cy="0"/>
          </a:xfrm>
          <a:prstGeom prst="straightConnector1">
            <a:avLst/>
          </a:prstGeom>
          <a:ln w="38100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CED147AC-0CBE-437A-B3EE-AC838DDC65BE}"/>
              </a:ext>
            </a:extLst>
          </p:cNvPr>
          <p:cNvSpPr txBox="1"/>
          <p:nvPr/>
        </p:nvSpPr>
        <p:spPr>
          <a:xfrm>
            <a:off x="10128738" y="5723766"/>
            <a:ext cx="70884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err="1"/>
              <a:t>MWh</a:t>
            </a:r>
            <a:endParaRPr lang="nb-NO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448585CF-462E-4F31-B08D-32B92CCD4357}"/>
              </a:ext>
            </a:extLst>
          </p:cNvPr>
          <p:cNvSpPr txBox="1"/>
          <p:nvPr/>
        </p:nvSpPr>
        <p:spPr>
          <a:xfrm rot="16200000">
            <a:off x="550985" y="2227980"/>
            <a:ext cx="132600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/>
              <a:t>NOK / </a:t>
            </a:r>
            <a:r>
              <a:rPr lang="nb-NO" err="1"/>
              <a:t>MWh</a:t>
            </a:r>
            <a:endParaRPr lang="nb-NO"/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A9C544C4-F536-4755-8F26-B5C045E7BBFA}"/>
              </a:ext>
            </a:extLst>
          </p:cNvPr>
          <p:cNvCxnSpPr/>
          <p:nvPr/>
        </p:nvCxnSpPr>
        <p:spPr>
          <a:xfrm flipV="1">
            <a:off x="1488831" y="2625969"/>
            <a:ext cx="8346831" cy="3097797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65BF6551-BE1B-43FE-8A17-98F539659CD6}"/>
              </a:ext>
            </a:extLst>
          </p:cNvPr>
          <p:cNvCxnSpPr>
            <a:cxnSpLocks/>
          </p:cNvCxnSpPr>
          <p:nvPr/>
        </p:nvCxnSpPr>
        <p:spPr>
          <a:xfrm>
            <a:off x="1488831" y="2180492"/>
            <a:ext cx="8475784" cy="2766646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0" name="Freeform: Shape 19">
            <a:extLst>
              <a:ext uri="{FF2B5EF4-FFF2-40B4-BE49-F238E27FC236}">
                <a16:creationId xmlns:a16="http://schemas.microsoft.com/office/drawing/2014/main" id="{27109D55-DF7C-40AC-97A5-F5C6298E46C5}"/>
              </a:ext>
            </a:extLst>
          </p:cNvPr>
          <p:cNvSpPr/>
          <p:nvPr/>
        </p:nvSpPr>
        <p:spPr>
          <a:xfrm>
            <a:off x="1488830" y="2192214"/>
            <a:ext cx="5087815" cy="1652954"/>
          </a:xfrm>
          <a:custGeom>
            <a:avLst/>
            <a:gdLst>
              <a:gd name="connsiteX0" fmla="*/ 11723 w 5087815"/>
              <a:gd name="connsiteY0" fmla="*/ 0 h 1652954"/>
              <a:gd name="connsiteX1" fmla="*/ 5087815 w 5087815"/>
              <a:gd name="connsiteY1" fmla="*/ 1652954 h 1652954"/>
              <a:gd name="connsiteX2" fmla="*/ 0 w 5087815"/>
              <a:gd name="connsiteY2" fmla="*/ 1652954 h 1652954"/>
              <a:gd name="connsiteX3" fmla="*/ 0 w 5087815"/>
              <a:gd name="connsiteY3" fmla="*/ 1312985 h 1652954"/>
              <a:gd name="connsiteX0" fmla="*/ 11723 w 5087815"/>
              <a:gd name="connsiteY0" fmla="*/ 0 h 1652954"/>
              <a:gd name="connsiteX1" fmla="*/ 5087815 w 5087815"/>
              <a:gd name="connsiteY1" fmla="*/ 1652954 h 1652954"/>
              <a:gd name="connsiteX2" fmla="*/ 0 w 5087815"/>
              <a:gd name="connsiteY2" fmla="*/ 1652954 h 1652954"/>
              <a:gd name="connsiteX0" fmla="*/ 11723 w 5087815"/>
              <a:gd name="connsiteY0" fmla="*/ 0 h 1652954"/>
              <a:gd name="connsiteX1" fmla="*/ 5087815 w 5087815"/>
              <a:gd name="connsiteY1" fmla="*/ 1652954 h 1652954"/>
              <a:gd name="connsiteX2" fmla="*/ 0 w 5087815"/>
              <a:gd name="connsiteY2" fmla="*/ 1652954 h 1652954"/>
              <a:gd name="connsiteX3" fmla="*/ 11723 w 5087815"/>
              <a:gd name="connsiteY3" fmla="*/ 0 h 16529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087815" h="1652954">
                <a:moveTo>
                  <a:pt x="11723" y="0"/>
                </a:moveTo>
                <a:lnTo>
                  <a:pt x="5087815" y="1652954"/>
                </a:lnTo>
                <a:lnTo>
                  <a:pt x="0" y="1652954"/>
                </a:lnTo>
                <a:lnTo>
                  <a:pt x="11723" y="0"/>
                </a:lnTo>
                <a:close/>
              </a:path>
            </a:pathLst>
          </a:custGeom>
          <a:solidFill>
            <a:srgbClr val="FF0000">
              <a:alpha val="2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3026CD94-0642-44F6-86BC-BDB59C75A3BB}"/>
              </a:ext>
            </a:extLst>
          </p:cNvPr>
          <p:cNvSpPr/>
          <p:nvPr/>
        </p:nvSpPr>
        <p:spPr>
          <a:xfrm flipV="1">
            <a:off x="1488830" y="3845166"/>
            <a:ext cx="5087815" cy="1878599"/>
          </a:xfrm>
          <a:custGeom>
            <a:avLst/>
            <a:gdLst>
              <a:gd name="connsiteX0" fmla="*/ 11723 w 5087815"/>
              <a:gd name="connsiteY0" fmla="*/ 0 h 1652954"/>
              <a:gd name="connsiteX1" fmla="*/ 5087815 w 5087815"/>
              <a:gd name="connsiteY1" fmla="*/ 1652954 h 1652954"/>
              <a:gd name="connsiteX2" fmla="*/ 0 w 5087815"/>
              <a:gd name="connsiteY2" fmla="*/ 1652954 h 1652954"/>
              <a:gd name="connsiteX3" fmla="*/ 0 w 5087815"/>
              <a:gd name="connsiteY3" fmla="*/ 1312985 h 1652954"/>
              <a:gd name="connsiteX0" fmla="*/ 11723 w 5087815"/>
              <a:gd name="connsiteY0" fmla="*/ 0 h 1652954"/>
              <a:gd name="connsiteX1" fmla="*/ 5087815 w 5087815"/>
              <a:gd name="connsiteY1" fmla="*/ 1652954 h 1652954"/>
              <a:gd name="connsiteX2" fmla="*/ 0 w 5087815"/>
              <a:gd name="connsiteY2" fmla="*/ 1652954 h 1652954"/>
              <a:gd name="connsiteX0" fmla="*/ 11723 w 5087815"/>
              <a:gd name="connsiteY0" fmla="*/ 0 h 1652954"/>
              <a:gd name="connsiteX1" fmla="*/ 5087815 w 5087815"/>
              <a:gd name="connsiteY1" fmla="*/ 1652954 h 1652954"/>
              <a:gd name="connsiteX2" fmla="*/ 0 w 5087815"/>
              <a:gd name="connsiteY2" fmla="*/ 1652954 h 1652954"/>
              <a:gd name="connsiteX3" fmla="*/ 11723 w 5087815"/>
              <a:gd name="connsiteY3" fmla="*/ 0 h 16529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5087815" h="1652954">
                <a:moveTo>
                  <a:pt x="11723" y="0"/>
                </a:moveTo>
                <a:lnTo>
                  <a:pt x="5087815" y="1652954"/>
                </a:lnTo>
                <a:lnTo>
                  <a:pt x="0" y="1652954"/>
                </a:lnTo>
                <a:lnTo>
                  <a:pt x="11723" y="0"/>
                </a:lnTo>
                <a:close/>
              </a:path>
            </a:pathLst>
          </a:custGeom>
          <a:solidFill>
            <a:srgbClr val="00BD72">
              <a:alpha val="2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190B5EB6-CA25-43DA-91E0-618FFFAAC6EF}"/>
              </a:ext>
            </a:extLst>
          </p:cNvPr>
          <p:cNvCxnSpPr>
            <a:stCxn id="21" idx="1"/>
          </p:cNvCxnSpPr>
          <p:nvPr/>
        </p:nvCxnSpPr>
        <p:spPr>
          <a:xfrm flipH="1">
            <a:off x="1398653" y="3845166"/>
            <a:ext cx="5177992" cy="0"/>
          </a:xfrm>
          <a:prstGeom prst="line">
            <a:avLst/>
          </a:prstGeom>
          <a:ln w="28575"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A0070FC3-DE37-41D0-9E67-9D93B29C03A4}"/>
              </a:ext>
            </a:extLst>
          </p:cNvPr>
          <p:cNvCxnSpPr>
            <a:cxnSpLocks/>
            <a:stCxn id="21" idx="1"/>
          </p:cNvCxnSpPr>
          <p:nvPr/>
        </p:nvCxnSpPr>
        <p:spPr>
          <a:xfrm>
            <a:off x="6576645" y="3845166"/>
            <a:ext cx="0" cy="2157049"/>
          </a:xfrm>
          <a:prstGeom prst="line">
            <a:avLst/>
          </a:prstGeom>
          <a:ln w="28575">
            <a:prstDash val="dash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FB584D33-47BB-40D3-9B61-8C53D12F5778}"/>
              </a:ext>
            </a:extLst>
          </p:cNvPr>
          <p:cNvSpPr txBox="1"/>
          <p:nvPr/>
        </p:nvSpPr>
        <p:spPr>
          <a:xfrm>
            <a:off x="745909" y="3660500"/>
            <a:ext cx="652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err="1"/>
              <a:t>price</a:t>
            </a:r>
            <a:endParaRPr lang="nb-NO"/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F273C710-6BF5-47DC-BAD9-AB892ABC3257}"/>
              </a:ext>
            </a:extLst>
          </p:cNvPr>
          <p:cNvSpPr txBox="1"/>
          <p:nvPr/>
        </p:nvSpPr>
        <p:spPr>
          <a:xfrm>
            <a:off x="6135114" y="6002216"/>
            <a:ext cx="88306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err="1"/>
              <a:t>volume</a:t>
            </a:r>
            <a:endParaRPr lang="nb-NO"/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1E872059-C268-44D7-964F-C98670790836}"/>
              </a:ext>
            </a:extLst>
          </p:cNvPr>
          <p:cNvSpPr txBox="1"/>
          <p:nvPr/>
        </p:nvSpPr>
        <p:spPr>
          <a:xfrm>
            <a:off x="1721565" y="3300450"/>
            <a:ext cx="22209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/>
              <a:t>Konsumentoverskudd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F178C85B-C2E0-4806-9442-7A5925F2289E}"/>
              </a:ext>
            </a:extLst>
          </p:cNvPr>
          <p:cNvSpPr txBox="1"/>
          <p:nvPr/>
        </p:nvSpPr>
        <p:spPr>
          <a:xfrm>
            <a:off x="1731745" y="4017590"/>
            <a:ext cx="218931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/>
              <a:t>Produsentoverskudd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98D02DF8-E06D-4D1D-9B01-24C392FFB53A}"/>
              </a:ext>
            </a:extLst>
          </p:cNvPr>
          <p:cNvSpPr txBox="1"/>
          <p:nvPr/>
        </p:nvSpPr>
        <p:spPr>
          <a:xfrm>
            <a:off x="9964615" y="4781453"/>
            <a:ext cx="174009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/>
              <a:t>kraftetterspørsel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D7FFA8DD-E62D-42E9-9224-FF8475C9791D}"/>
              </a:ext>
            </a:extLst>
          </p:cNvPr>
          <p:cNvSpPr txBox="1"/>
          <p:nvPr/>
        </p:nvSpPr>
        <p:spPr>
          <a:xfrm>
            <a:off x="9924264" y="2441303"/>
            <a:ext cx="116596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/>
              <a:t>krafttilbud</a:t>
            </a:r>
          </a:p>
        </p:txBody>
      </p:sp>
    </p:spTree>
    <p:extLst>
      <p:ext uri="{BB962C8B-B14F-4D97-AF65-F5344CB8AC3E}">
        <p14:creationId xmlns:p14="http://schemas.microsoft.com/office/powerpoint/2010/main" val="342319387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Freeform 42">
            <a:extLst>
              <a:ext uri="{FF2B5EF4-FFF2-40B4-BE49-F238E27FC236}">
                <a16:creationId xmlns:a16="http://schemas.microsoft.com/office/drawing/2014/main" id="{31D6F94E-91D1-43F1-8B33-25601A19152D}"/>
              </a:ext>
            </a:extLst>
          </p:cNvPr>
          <p:cNvSpPr>
            <a:spLocks/>
          </p:cNvSpPr>
          <p:nvPr/>
        </p:nvSpPr>
        <p:spPr bwMode="auto">
          <a:xfrm>
            <a:off x="1154469" y="1966365"/>
            <a:ext cx="5678488" cy="4104332"/>
          </a:xfrm>
          <a:custGeom>
            <a:avLst/>
            <a:gdLst>
              <a:gd name="T0" fmla="*/ 1295 w 3606"/>
              <a:gd name="T1" fmla="*/ 2280 h 2299"/>
              <a:gd name="T2" fmla="*/ 1326 w 3606"/>
              <a:gd name="T3" fmla="*/ 2198 h 2299"/>
              <a:gd name="T4" fmla="*/ 1479 w 3606"/>
              <a:gd name="T5" fmla="*/ 2115 h 2299"/>
              <a:gd name="T6" fmla="*/ 2089 w 3606"/>
              <a:gd name="T7" fmla="*/ 2044 h 2299"/>
              <a:gd name="T8" fmla="*/ 2096 w 3606"/>
              <a:gd name="T9" fmla="*/ 2011 h 2299"/>
              <a:gd name="T10" fmla="*/ 2103 w 3606"/>
              <a:gd name="T11" fmla="*/ 1989 h 2299"/>
              <a:gd name="T12" fmla="*/ 2106 w 3606"/>
              <a:gd name="T13" fmla="*/ 1935 h 2299"/>
              <a:gd name="T14" fmla="*/ 2195 w 3606"/>
              <a:gd name="T15" fmla="*/ 1929 h 2299"/>
              <a:gd name="T16" fmla="*/ 2529 w 3606"/>
              <a:gd name="T17" fmla="*/ 1921 h 2299"/>
              <a:gd name="T18" fmla="*/ 2712 w 3606"/>
              <a:gd name="T19" fmla="*/ 1896 h 2299"/>
              <a:gd name="T20" fmla="*/ 2775 w 3606"/>
              <a:gd name="T21" fmla="*/ 1872 h 2299"/>
              <a:gd name="T22" fmla="*/ 2844 w 3606"/>
              <a:gd name="T23" fmla="*/ 1823 h 2299"/>
              <a:gd name="T24" fmla="*/ 2990 w 3606"/>
              <a:gd name="T25" fmla="*/ 1793 h 2299"/>
              <a:gd name="T26" fmla="*/ 3002 w 3606"/>
              <a:gd name="T27" fmla="*/ 1787 h 2299"/>
              <a:gd name="T28" fmla="*/ 3020 w 3606"/>
              <a:gd name="T29" fmla="*/ 1748 h 2299"/>
              <a:gd name="T30" fmla="*/ 3033 w 3606"/>
              <a:gd name="T31" fmla="*/ 1738 h 2299"/>
              <a:gd name="T32" fmla="*/ 3079 w 3606"/>
              <a:gd name="T33" fmla="*/ 1733 h 2299"/>
              <a:gd name="T34" fmla="*/ 3086 w 3606"/>
              <a:gd name="T35" fmla="*/ 1716 h 2299"/>
              <a:gd name="T36" fmla="*/ 3158 w 3606"/>
              <a:gd name="T37" fmla="*/ 1691 h 2299"/>
              <a:gd name="T38" fmla="*/ 3159 w 3606"/>
              <a:gd name="T39" fmla="*/ 1622 h 2299"/>
              <a:gd name="T40" fmla="*/ 3159 w 3606"/>
              <a:gd name="T41" fmla="*/ 1568 h 2299"/>
              <a:gd name="T42" fmla="*/ 3198 w 3606"/>
              <a:gd name="T43" fmla="*/ 1475 h 2299"/>
              <a:gd name="T44" fmla="*/ 3202 w 3606"/>
              <a:gd name="T45" fmla="*/ 1459 h 2299"/>
              <a:gd name="T46" fmla="*/ 3249 w 3606"/>
              <a:gd name="T47" fmla="*/ 1404 h 2299"/>
              <a:gd name="T48" fmla="*/ 3258 w 3606"/>
              <a:gd name="T49" fmla="*/ 1267 h 2299"/>
              <a:gd name="T50" fmla="*/ 3259 w 3606"/>
              <a:gd name="T51" fmla="*/ 1213 h 2299"/>
              <a:gd name="T52" fmla="*/ 3284 w 3606"/>
              <a:gd name="T53" fmla="*/ 1157 h 2299"/>
              <a:gd name="T54" fmla="*/ 3306 w 3606"/>
              <a:gd name="T55" fmla="*/ 1131 h 2299"/>
              <a:gd name="T56" fmla="*/ 3339 w 3606"/>
              <a:gd name="T57" fmla="*/ 885 h 2299"/>
              <a:gd name="T58" fmla="*/ 3354 w 3606"/>
              <a:gd name="T59" fmla="*/ 813 h 2299"/>
              <a:gd name="T60" fmla="*/ 3368 w 3606"/>
              <a:gd name="T61" fmla="*/ 726 h 2299"/>
              <a:gd name="T62" fmla="*/ 3420 w 3606"/>
              <a:gd name="T63" fmla="*/ 638 h 2299"/>
              <a:gd name="T64" fmla="*/ 3432 w 3606"/>
              <a:gd name="T65" fmla="*/ 474 h 2299"/>
              <a:gd name="T66" fmla="*/ 3443 w 3606"/>
              <a:gd name="T67" fmla="*/ 452 h 2299"/>
              <a:gd name="T68" fmla="*/ 3445 w 3606"/>
              <a:gd name="T69" fmla="*/ 299 h 2299"/>
              <a:gd name="T70" fmla="*/ 3451 w 3606"/>
              <a:gd name="T71" fmla="*/ 260 h 2299"/>
              <a:gd name="T72" fmla="*/ 3514 w 3606"/>
              <a:gd name="T73" fmla="*/ 255 h 2299"/>
              <a:gd name="T74" fmla="*/ 3577 w 3606"/>
              <a:gd name="T75" fmla="*/ 0 h 2299"/>
              <a:gd name="T76" fmla="*/ 0 60000 65536"/>
              <a:gd name="T77" fmla="*/ 0 60000 65536"/>
              <a:gd name="T78" fmla="*/ 0 60000 65536"/>
              <a:gd name="T79" fmla="*/ 0 60000 65536"/>
              <a:gd name="T80" fmla="*/ 0 60000 65536"/>
              <a:gd name="T81" fmla="*/ 0 60000 65536"/>
              <a:gd name="T82" fmla="*/ 0 60000 65536"/>
              <a:gd name="T83" fmla="*/ 0 60000 65536"/>
              <a:gd name="T84" fmla="*/ 0 60000 65536"/>
              <a:gd name="T85" fmla="*/ 0 60000 65536"/>
              <a:gd name="T86" fmla="*/ 0 60000 65536"/>
              <a:gd name="T87" fmla="*/ 0 60000 65536"/>
              <a:gd name="T88" fmla="*/ 0 60000 65536"/>
              <a:gd name="T89" fmla="*/ 0 60000 65536"/>
              <a:gd name="T90" fmla="*/ 0 60000 65536"/>
              <a:gd name="T91" fmla="*/ 0 60000 65536"/>
              <a:gd name="T92" fmla="*/ 0 60000 65536"/>
              <a:gd name="T93" fmla="*/ 0 60000 65536"/>
              <a:gd name="T94" fmla="*/ 0 60000 65536"/>
              <a:gd name="T95" fmla="*/ 0 60000 65536"/>
              <a:gd name="T96" fmla="*/ 0 60000 65536"/>
              <a:gd name="T97" fmla="*/ 0 60000 65536"/>
              <a:gd name="T98" fmla="*/ 0 60000 65536"/>
              <a:gd name="T99" fmla="*/ 0 60000 65536"/>
              <a:gd name="T100" fmla="*/ 0 60000 65536"/>
              <a:gd name="T101" fmla="*/ 0 60000 65536"/>
              <a:gd name="T102" fmla="*/ 0 60000 65536"/>
              <a:gd name="T103" fmla="*/ 0 60000 65536"/>
              <a:gd name="T104" fmla="*/ 0 60000 65536"/>
              <a:gd name="T105" fmla="*/ 0 60000 65536"/>
              <a:gd name="T106" fmla="*/ 0 60000 65536"/>
              <a:gd name="T107" fmla="*/ 0 60000 65536"/>
              <a:gd name="T108" fmla="*/ 0 60000 65536"/>
              <a:gd name="T109" fmla="*/ 0 60000 65536"/>
              <a:gd name="T110" fmla="*/ 0 60000 65536"/>
              <a:gd name="T111" fmla="*/ 0 60000 65536"/>
              <a:gd name="T112" fmla="*/ 0 60000 65536"/>
              <a:gd name="T113" fmla="*/ 0 60000 65536"/>
              <a:gd name="T114" fmla="*/ 0 w 3606"/>
              <a:gd name="T115" fmla="*/ 0 h 2299"/>
              <a:gd name="T116" fmla="*/ 3606 w 3606"/>
              <a:gd name="T117" fmla="*/ 2299 h 2299"/>
            </a:gdLst>
            <a:ahLst/>
            <a:cxnLst>
              <a:cxn ang="T76">
                <a:pos x="T0" y="T1"/>
              </a:cxn>
              <a:cxn ang="T77">
                <a:pos x="T2" y="T3"/>
              </a:cxn>
              <a:cxn ang="T78">
                <a:pos x="T4" y="T5"/>
              </a:cxn>
              <a:cxn ang="T79">
                <a:pos x="T6" y="T7"/>
              </a:cxn>
              <a:cxn ang="T80">
                <a:pos x="T8" y="T9"/>
              </a:cxn>
              <a:cxn ang="T81">
                <a:pos x="T10" y="T11"/>
              </a:cxn>
              <a:cxn ang="T82">
                <a:pos x="T12" y="T13"/>
              </a:cxn>
              <a:cxn ang="T83">
                <a:pos x="T14" y="T15"/>
              </a:cxn>
              <a:cxn ang="T84">
                <a:pos x="T16" y="T17"/>
              </a:cxn>
              <a:cxn ang="T85">
                <a:pos x="T18" y="T19"/>
              </a:cxn>
              <a:cxn ang="T86">
                <a:pos x="T20" y="T21"/>
              </a:cxn>
              <a:cxn ang="T87">
                <a:pos x="T22" y="T23"/>
              </a:cxn>
              <a:cxn ang="T88">
                <a:pos x="T24" y="T25"/>
              </a:cxn>
              <a:cxn ang="T89">
                <a:pos x="T26" y="T27"/>
              </a:cxn>
              <a:cxn ang="T90">
                <a:pos x="T28" y="T29"/>
              </a:cxn>
              <a:cxn ang="T91">
                <a:pos x="T30" y="T31"/>
              </a:cxn>
              <a:cxn ang="T92">
                <a:pos x="T32" y="T33"/>
              </a:cxn>
              <a:cxn ang="T93">
                <a:pos x="T34" y="T35"/>
              </a:cxn>
              <a:cxn ang="T94">
                <a:pos x="T36" y="T37"/>
              </a:cxn>
              <a:cxn ang="T95">
                <a:pos x="T38" y="T39"/>
              </a:cxn>
              <a:cxn ang="T96">
                <a:pos x="T40" y="T41"/>
              </a:cxn>
              <a:cxn ang="T97">
                <a:pos x="T42" y="T43"/>
              </a:cxn>
              <a:cxn ang="T98">
                <a:pos x="T44" y="T45"/>
              </a:cxn>
              <a:cxn ang="T99">
                <a:pos x="T46" y="T47"/>
              </a:cxn>
              <a:cxn ang="T100">
                <a:pos x="T48" y="T49"/>
              </a:cxn>
              <a:cxn ang="T101">
                <a:pos x="T50" y="T51"/>
              </a:cxn>
              <a:cxn ang="T102">
                <a:pos x="T52" y="T53"/>
              </a:cxn>
              <a:cxn ang="T103">
                <a:pos x="T54" y="T55"/>
              </a:cxn>
              <a:cxn ang="T104">
                <a:pos x="T56" y="T57"/>
              </a:cxn>
              <a:cxn ang="T105">
                <a:pos x="T58" y="T59"/>
              </a:cxn>
              <a:cxn ang="T106">
                <a:pos x="T60" y="T61"/>
              </a:cxn>
              <a:cxn ang="T107">
                <a:pos x="T62" y="T63"/>
              </a:cxn>
              <a:cxn ang="T108">
                <a:pos x="T64" y="T65"/>
              </a:cxn>
              <a:cxn ang="T109">
                <a:pos x="T66" y="T67"/>
              </a:cxn>
              <a:cxn ang="T110">
                <a:pos x="T68" y="T69"/>
              </a:cxn>
              <a:cxn ang="T111">
                <a:pos x="T70" y="T71"/>
              </a:cxn>
              <a:cxn ang="T112">
                <a:pos x="T72" y="T73"/>
              </a:cxn>
              <a:cxn ang="T113">
                <a:pos x="T74" y="T75"/>
              </a:cxn>
            </a:cxnLst>
            <a:rect l="T114" t="T115" r="T116" b="T117"/>
            <a:pathLst>
              <a:path w="3606" h="2299">
                <a:moveTo>
                  <a:pt x="0" y="2299"/>
                </a:moveTo>
                <a:lnTo>
                  <a:pt x="1306" y="2299"/>
                </a:lnTo>
                <a:lnTo>
                  <a:pt x="1306" y="2216"/>
                </a:lnTo>
                <a:lnTo>
                  <a:pt x="1337" y="2216"/>
                </a:lnTo>
                <a:lnTo>
                  <a:pt x="1337" y="2133"/>
                </a:lnTo>
                <a:lnTo>
                  <a:pt x="1491" y="2133"/>
                </a:lnTo>
                <a:lnTo>
                  <a:pt x="1491" y="2061"/>
                </a:lnTo>
                <a:lnTo>
                  <a:pt x="2106" y="2061"/>
                </a:lnTo>
                <a:lnTo>
                  <a:pt x="2106" y="2028"/>
                </a:lnTo>
                <a:lnTo>
                  <a:pt x="2113" y="2028"/>
                </a:lnTo>
                <a:lnTo>
                  <a:pt x="2113" y="2006"/>
                </a:lnTo>
                <a:lnTo>
                  <a:pt x="2120" y="2006"/>
                </a:lnTo>
                <a:lnTo>
                  <a:pt x="2120" y="1951"/>
                </a:lnTo>
                <a:lnTo>
                  <a:pt x="2123" y="1951"/>
                </a:lnTo>
                <a:lnTo>
                  <a:pt x="2123" y="1945"/>
                </a:lnTo>
                <a:lnTo>
                  <a:pt x="2213" y="1945"/>
                </a:lnTo>
                <a:lnTo>
                  <a:pt x="2213" y="1937"/>
                </a:lnTo>
                <a:lnTo>
                  <a:pt x="2550" y="1937"/>
                </a:lnTo>
                <a:lnTo>
                  <a:pt x="2550" y="1912"/>
                </a:lnTo>
                <a:lnTo>
                  <a:pt x="2734" y="1912"/>
                </a:lnTo>
                <a:lnTo>
                  <a:pt x="2734" y="1888"/>
                </a:lnTo>
                <a:lnTo>
                  <a:pt x="2798" y="1888"/>
                </a:lnTo>
                <a:lnTo>
                  <a:pt x="2798" y="1838"/>
                </a:lnTo>
                <a:lnTo>
                  <a:pt x="2867" y="1838"/>
                </a:lnTo>
                <a:lnTo>
                  <a:pt x="2879" y="1808"/>
                </a:lnTo>
                <a:lnTo>
                  <a:pt x="3014" y="1808"/>
                </a:lnTo>
                <a:lnTo>
                  <a:pt x="3014" y="1802"/>
                </a:lnTo>
                <a:lnTo>
                  <a:pt x="3026" y="1802"/>
                </a:lnTo>
                <a:lnTo>
                  <a:pt x="3026" y="1763"/>
                </a:lnTo>
                <a:lnTo>
                  <a:pt x="3044" y="1763"/>
                </a:lnTo>
                <a:lnTo>
                  <a:pt x="3044" y="1752"/>
                </a:lnTo>
                <a:lnTo>
                  <a:pt x="3058" y="1752"/>
                </a:lnTo>
                <a:lnTo>
                  <a:pt x="3058" y="1747"/>
                </a:lnTo>
                <a:lnTo>
                  <a:pt x="3104" y="1747"/>
                </a:lnTo>
                <a:lnTo>
                  <a:pt x="3104" y="1730"/>
                </a:lnTo>
                <a:lnTo>
                  <a:pt x="3111" y="1730"/>
                </a:lnTo>
                <a:lnTo>
                  <a:pt x="3111" y="1705"/>
                </a:lnTo>
                <a:lnTo>
                  <a:pt x="3184" y="1705"/>
                </a:lnTo>
                <a:lnTo>
                  <a:pt x="3184" y="1636"/>
                </a:lnTo>
                <a:lnTo>
                  <a:pt x="3185" y="1636"/>
                </a:lnTo>
                <a:lnTo>
                  <a:pt x="3185" y="1581"/>
                </a:lnTo>
                <a:lnTo>
                  <a:pt x="3185" y="1487"/>
                </a:lnTo>
                <a:lnTo>
                  <a:pt x="3224" y="1487"/>
                </a:lnTo>
                <a:lnTo>
                  <a:pt x="3224" y="1471"/>
                </a:lnTo>
                <a:lnTo>
                  <a:pt x="3228" y="1471"/>
                </a:lnTo>
                <a:lnTo>
                  <a:pt x="3228" y="1416"/>
                </a:lnTo>
                <a:lnTo>
                  <a:pt x="3275" y="1416"/>
                </a:lnTo>
                <a:lnTo>
                  <a:pt x="3275" y="1278"/>
                </a:lnTo>
                <a:lnTo>
                  <a:pt x="3284" y="1278"/>
                </a:lnTo>
                <a:lnTo>
                  <a:pt x="3284" y="1223"/>
                </a:lnTo>
                <a:lnTo>
                  <a:pt x="3285" y="1223"/>
                </a:lnTo>
                <a:lnTo>
                  <a:pt x="3285" y="1167"/>
                </a:lnTo>
                <a:lnTo>
                  <a:pt x="3311" y="1167"/>
                </a:lnTo>
                <a:lnTo>
                  <a:pt x="3311" y="1140"/>
                </a:lnTo>
                <a:lnTo>
                  <a:pt x="3333" y="1140"/>
                </a:lnTo>
                <a:lnTo>
                  <a:pt x="3333" y="892"/>
                </a:lnTo>
                <a:lnTo>
                  <a:pt x="3366" y="892"/>
                </a:lnTo>
                <a:lnTo>
                  <a:pt x="3366" y="820"/>
                </a:lnTo>
                <a:lnTo>
                  <a:pt x="3381" y="820"/>
                </a:lnTo>
                <a:lnTo>
                  <a:pt x="3381" y="732"/>
                </a:lnTo>
                <a:lnTo>
                  <a:pt x="3395" y="732"/>
                </a:lnTo>
                <a:lnTo>
                  <a:pt x="3395" y="643"/>
                </a:lnTo>
                <a:lnTo>
                  <a:pt x="3448" y="643"/>
                </a:lnTo>
                <a:lnTo>
                  <a:pt x="3448" y="478"/>
                </a:lnTo>
                <a:lnTo>
                  <a:pt x="3460" y="478"/>
                </a:lnTo>
                <a:lnTo>
                  <a:pt x="3460" y="456"/>
                </a:lnTo>
                <a:lnTo>
                  <a:pt x="3471" y="456"/>
                </a:lnTo>
                <a:lnTo>
                  <a:pt x="3471" y="301"/>
                </a:lnTo>
                <a:lnTo>
                  <a:pt x="3473" y="301"/>
                </a:lnTo>
                <a:lnTo>
                  <a:pt x="3473" y="262"/>
                </a:lnTo>
                <a:lnTo>
                  <a:pt x="3479" y="262"/>
                </a:lnTo>
                <a:lnTo>
                  <a:pt x="3479" y="257"/>
                </a:lnTo>
                <a:lnTo>
                  <a:pt x="3542" y="257"/>
                </a:lnTo>
                <a:lnTo>
                  <a:pt x="3542" y="0"/>
                </a:lnTo>
                <a:lnTo>
                  <a:pt x="3606" y="0"/>
                </a:lnTo>
              </a:path>
            </a:pathLst>
          </a:custGeom>
          <a:noFill/>
          <a:ln w="38100">
            <a:solidFill>
              <a:srgbClr val="00FF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47" name="Freeform 44">
            <a:extLst>
              <a:ext uri="{FF2B5EF4-FFF2-40B4-BE49-F238E27FC236}">
                <a16:creationId xmlns:a16="http://schemas.microsoft.com/office/drawing/2014/main" id="{49A408BE-D65D-4DC0-A020-649E05F394F6}"/>
              </a:ext>
            </a:extLst>
          </p:cNvPr>
          <p:cNvSpPr>
            <a:spLocks/>
          </p:cNvSpPr>
          <p:nvPr/>
        </p:nvSpPr>
        <p:spPr bwMode="auto">
          <a:xfrm>
            <a:off x="5814046" y="1978121"/>
            <a:ext cx="729005" cy="4354513"/>
          </a:xfrm>
          <a:custGeom>
            <a:avLst/>
            <a:gdLst>
              <a:gd name="T0" fmla="*/ 0 w 187"/>
              <a:gd name="T1" fmla="*/ 0 h 3366"/>
              <a:gd name="T2" fmla="*/ 12 w 187"/>
              <a:gd name="T3" fmla="*/ 0 h 3366"/>
              <a:gd name="T4" fmla="*/ 12 w 187"/>
              <a:gd name="T5" fmla="*/ 2573 h 3366"/>
              <a:gd name="T6" fmla="*/ 25 w 187"/>
              <a:gd name="T7" fmla="*/ 2573 h 3366"/>
              <a:gd name="T8" fmla="*/ 25 w 187"/>
              <a:gd name="T9" fmla="*/ 2737 h 3366"/>
              <a:gd name="T10" fmla="*/ 38 w 187"/>
              <a:gd name="T11" fmla="*/ 2737 h 3366"/>
              <a:gd name="T12" fmla="*/ 38 w 187"/>
              <a:gd name="T13" fmla="*/ 2792 h 3366"/>
              <a:gd name="T14" fmla="*/ 42 w 187"/>
              <a:gd name="T15" fmla="*/ 2792 h 3366"/>
              <a:gd name="T16" fmla="*/ 42 w 187"/>
              <a:gd name="T17" fmla="*/ 2902 h 3366"/>
              <a:gd name="T18" fmla="*/ 65 w 187"/>
              <a:gd name="T19" fmla="*/ 2902 h 3366"/>
              <a:gd name="T20" fmla="*/ 65 w 187"/>
              <a:gd name="T21" fmla="*/ 2940 h 3366"/>
              <a:gd name="T22" fmla="*/ 82 w 187"/>
              <a:gd name="T23" fmla="*/ 2940 h 3366"/>
              <a:gd name="T24" fmla="*/ 82 w 187"/>
              <a:gd name="T25" fmla="*/ 3011 h 3366"/>
              <a:gd name="T26" fmla="*/ 95 w 187"/>
              <a:gd name="T27" fmla="*/ 3011 h 3366"/>
              <a:gd name="T28" fmla="*/ 95 w 187"/>
              <a:gd name="T29" fmla="*/ 3093 h 3366"/>
              <a:gd name="T30" fmla="*/ 111 w 187"/>
              <a:gd name="T31" fmla="*/ 3093 h 3366"/>
              <a:gd name="T32" fmla="*/ 111 w 187"/>
              <a:gd name="T33" fmla="*/ 3230 h 3366"/>
              <a:gd name="T34" fmla="*/ 128 w 187"/>
              <a:gd name="T35" fmla="*/ 3230 h 3366"/>
              <a:gd name="T36" fmla="*/ 128 w 187"/>
              <a:gd name="T37" fmla="*/ 3284 h 3366"/>
              <a:gd name="T38" fmla="*/ 179 w 187"/>
              <a:gd name="T39" fmla="*/ 3284 h 3366"/>
              <a:gd name="T40" fmla="*/ 179 w 187"/>
              <a:gd name="T41" fmla="*/ 3339 h 3366"/>
              <a:gd name="T42" fmla="*/ 186 w 187"/>
              <a:gd name="T43" fmla="*/ 3339 h 3366"/>
              <a:gd name="T44" fmla="*/ 0 60000 65536"/>
              <a:gd name="T45" fmla="*/ 0 60000 65536"/>
              <a:gd name="T46" fmla="*/ 0 60000 65536"/>
              <a:gd name="T47" fmla="*/ 0 60000 65536"/>
              <a:gd name="T48" fmla="*/ 0 60000 65536"/>
              <a:gd name="T49" fmla="*/ 0 60000 65536"/>
              <a:gd name="T50" fmla="*/ 0 60000 65536"/>
              <a:gd name="T51" fmla="*/ 0 60000 65536"/>
              <a:gd name="T52" fmla="*/ 0 60000 65536"/>
              <a:gd name="T53" fmla="*/ 0 60000 65536"/>
              <a:gd name="T54" fmla="*/ 0 60000 65536"/>
              <a:gd name="T55" fmla="*/ 0 60000 65536"/>
              <a:gd name="T56" fmla="*/ 0 60000 65536"/>
              <a:gd name="T57" fmla="*/ 0 60000 65536"/>
              <a:gd name="T58" fmla="*/ 0 60000 65536"/>
              <a:gd name="T59" fmla="*/ 0 60000 65536"/>
              <a:gd name="T60" fmla="*/ 0 60000 65536"/>
              <a:gd name="T61" fmla="*/ 0 60000 65536"/>
              <a:gd name="T62" fmla="*/ 0 60000 65536"/>
              <a:gd name="T63" fmla="*/ 0 60000 65536"/>
              <a:gd name="T64" fmla="*/ 0 60000 65536"/>
              <a:gd name="T65" fmla="*/ 0 60000 65536"/>
              <a:gd name="T66" fmla="*/ 0 w 187"/>
              <a:gd name="T67" fmla="*/ 0 h 3366"/>
              <a:gd name="T68" fmla="*/ 187 w 187"/>
              <a:gd name="T69" fmla="*/ 3366 h 3366"/>
              <a:gd name="connsiteX0" fmla="*/ 0 w 18337"/>
              <a:gd name="connsiteY0" fmla="*/ 27 h 10000"/>
              <a:gd name="connsiteX1" fmla="*/ 8979 w 18337"/>
              <a:gd name="connsiteY1" fmla="*/ 0 h 10000"/>
              <a:gd name="connsiteX2" fmla="*/ 8979 w 18337"/>
              <a:gd name="connsiteY2" fmla="*/ 7706 h 10000"/>
              <a:gd name="connsiteX3" fmla="*/ 9674 w 18337"/>
              <a:gd name="connsiteY3" fmla="*/ 7706 h 10000"/>
              <a:gd name="connsiteX4" fmla="*/ 9674 w 18337"/>
              <a:gd name="connsiteY4" fmla="*/ 8197 h 10000"/>
              <a:gd name="connsiteX5" fmla="*/ 10369 w 18337"/>
              <a:gd name="connsiteY5" fmla="*/ 8197 h 10000"/>
              <a:gd name="connsiteX6" fmla="*/ 10369 w 18337"/>
              <a:gd name="connsiteY6" fmla="*/ 8363 h 10000"/>
              <a:gd name="connsiteX7" fmla="*/ 10583 w 18337"/>
              <a:gd name="connsiteY7" fmla="*/ 8363 h 10000"/>
              <a:gd name="connsiteX8" fmla="*/ 10583 w 18337"/>
              <a:gd name="connsiteY8" fmla="*/ 8690 h 10000"/>
              <a:gd name="connsiteX9" fmla="*/ 11813 w 18337"/>
              <a:gd name="connsiteY9" fmla="*/ 8690 h 10000"/>
              <a:gd name="connsiteX10" fmla="*/ 11813 w 18337"/>
              <a:gd name="connsiteY10" fmla="*/ 8806 h 10000"/>
              <a:gd name="connsiteX11" fmla="*/ 12722 w 18337"/>
              <a:gd name="connsiteY11" fmla="*/ 8806 h 10000"/>
              <a:gd name="connsiteX12" fmla="*/ 12722 w 18337"/>
              <a:gd name="connsiteY12" fmla="*/ 9017 h 10000"/>
              <a:gd name="connsiteX13" fmla="*/ 13471 w 18337"/>
              <a:gd name="connsiteY13" fmla="*/ 9017 h 10000"/>
              <a:gd name="connsiteX14" fmla="*/ 13471 w 18337"/>
              <a:gd name="connsiteY14" fmla="*/ 9263 h 10000"/>
              <a:gd name="connsiteX15" fmla="*/ 14326 w 18337"/>
              <a:gd name="connsiteY15" fmla="*/ 9263 h 10000"/>
              <a:gd name="connsiteX16" fmla="*/ 14326 w 18337"/>
              <a:gd name="connsiteY16" fmla="*/ 9673 h 10000"/>
              <a:gd name="connsiteX17" fmla="*/ 15235 w 18337"/>
              <a:gd name="connsiteY17" fmla="*/ 9673 h 10000"/>
              <a:gd name="connsiteX18" fmla="*/ 15235 w 18337"/>
              <a:gd name="connsiteY18" fmla="*/ 9837 h 10000"/>
              <a:gd name="connsiteX19" fmla="*/ 17963 w 18337"/>
              <a:gd name="connsiteY19" fmla="*/ 9837 h 10000"/>
              <a:gd name="connsiteX20" fmla="*/ 17963 w 18337"/>
              <a:gd name="connsiteY20" fmla="*/ 10000 h 10000"/>
              <a:gd name="connsiteX21" fmla="*/ 18337 w 18337"/>
              <a:gd name="connsiteY21" fmla="*/ 10000 h 10000"/>
              <a:gd name="connsiteX0" fmla="*/ 0 w 20719"/>
              <a:gd name="connsiteY0" fmla="*/ 0 h 10000"/>
              <a:gd name="connsiteX1" fmla="*/ 11361 w 20719"/>
              <a:gd name="connsiteY1" fmla="*/ 0 h 10000"/>
              <a:gd name="connsiteX2" fmla="*/ 11361 w 20719"/>
              <a:gd name="connsiteY2" fmla="*/ 7706 h 10000"/>
              <a:gd name="connsiteX3" fmla="*/ 12056 w 20719"/>
              <a:gd name="connsiteY3" fmla="*/ 7706 h 10000"/>
              <a:gd name="connsiteX4" fmla="*/ 12056 w 20719"/>
              <a:gd name="connsiteY4" fmla="*/ 8197 h 10000"/>
              <a:gd name="connsiteX5" fmla="*/ 12751 w 20719"/>
              <a:gd name="connsiteY5" fmla="*/ 8197 h 10000"/>
              <a:gd name="connsiteX6" fmla="*/ 12751 w 20719"/>
              <a:gd name="connsiteY6" fmla="*/ 8363 h 10000"/>
              <a:gd name="connsiteX7" fmla="*/ 12965 w 20719"/>
              <a:gd name="connsiteY7" fmla="*/ 8363 h 10000"/>
              <a:gd name="connsiteX8" fmla="*/ 12965 w 20719"/>
              <a:gd name="connsiteY8" fmla="*/ 8690 h 10000"/>
              <a:gd name="connsiteX9" fmla="*/ 14195 w 20719"/>
              <a:gd name="connsiteY9" fmla="*/ 8690 h 10000"/>
              <a:gd name="connsiteX10" fmla="*/ 14195 w 20719"/>
              <a:gd name="connsiteY10" fmla="*/ 8806 h 10000"/>
              <a:gd name="connsiteX11" fmla="*/ 15104 w 20719"/>
              <a:gd name="connsiteY11" fmla="*/ 8806 h 10000"/>
              <a:gd name="connsiteX12" fmla="*/ 15104 w 20719"/>
              <a:gd name="connsiteY12" fmla="*/ 9017 h 10000"/>
              <a:gd name="connsiteX13" fmla="*/ 15853 w 20719"/>
              <a:gd name="connsiteY13" fmla="*/ 9017 h 10000"/>
              <a:gd name="connsiteX14" fmla="*/ 15853 w 20719"/>
              <a:gd name="connsiteY14" fmla="*/ 9263 h 10000"/>
              <a:gd name="connsiteX15" fmla="*/ 16708 w 20719"/>
              <a:gd name="connsiteY15" fmla="*/ 9263 h 10000"/>
              <a:gd name="connsiteX16" fmla="*/ 16708 w 20719"/>
              <a:gd name="connsiteY16" fmla="*/ 9673 h 10000"/>
              <a:gd name="connsiteX17" fmla="*/ 17617 w 20719"/>
              <a:gd name="connsiteY17" fmla="*/ 9673 h 10000"/>
              <a:gd name="connsiteX18" fmla="*/ 17617 w 20719"/>
              <a:gd name="connsiteY18" fmla="*/ 9837 h 10000"/>
              <a:gd name="connsiteX19" fmla="*/ 20345 w 20719"/>
              <a:gd name="connsiteY19" fmla="*/ 9837 h 10000"/>
              <a:gd name="connsiteX20" fmla="*/ 20345 w 20719"/>
              <a:gd name="connsiteY20" fmla="*/ 10000 h 10000"/>
              <a:gd name="connsiteX21" fmla="*/ 20719 w 20719"/>
              <a:gd name="connsiteY21" fmla="*/ 10000 h 10000"/>
              <a:gd name="connsiteX0" fmla="*/ 0 w 24689"/>
              <a:gd name="connsiteY0" fmla="*/ 0 h 10000"/>
              <a:gd name="connsiteX1" fmla="*/ 15331 w 24689"/>
              <a:gd name="connsiteY1" fmla="*/ 0 h 10000"/>
              <a:gd name="connsiteX2" fmla="*/ 15331 w 24689"/>
              <a:gd name="connsiteY2" fmla="*/ 7706 h 10000"/>
              <a:gd name="connsiteX3" fmla="*/ 16026 w 24689"/>
              <a:gd name="connsiteY3" fmla="*/ 7706 h 10000"/>
              <a:gd name="connsiteX4" fmla="*/ 16026 w 24689"/>
              <a:gd name="connsiteY4" fmla="*/ 8197 h 10000"/>
              <a:gd name="connsiteX5" fmla="*/ 16721 w 24689"/>
              <a:gd name="connsiteY5" fmla="*/ 8197 h 10000"/>
              <a:gd name="connsiteX6" fmla="*/ 16721 w 24689"/>
              <a:gd name="connsiteY6" fmla="*/ 8363 h 10000"/>
              <a:gd name="connsiteX7" fmla="*/ 16935 w 24689"/>
              <a:gd name="connsiteY7" fmla="*/ 8363 h 10000"/>
              <a:gd name="connsiteX8" fmla="*/ 16935 w 24689"/>
              <a:gd name="connsiteY8" fmla="*/ 8690 h 10000"/>
              <a:gd name="connsiteX9" fmla="*/ 18165 w 24689"/>
              <a:gd name="connsiteY9" fmla="*/ 8690 h 10000"/>
              <a:gd name="connsiteX10" fmla="*/ 18165 w 24689"/>
              <a:gd name="connsiteY10" fmla="*/ 8806 h 10000"/>
              <a:gd name="connsiteX11" fmla="*/ 19074 w 24689"/>
              <a:gd name="connsiteY11" fmla="*/ 8806 h 10000"/>
              <a:gd name="connsiteX12" fmla="*/ 19074 w 24689"/>
              <a:gd name="connsiteY12" fmla="*/ 9017 h 10000"/>
              <a:gd name="connsiteX13" fmla="*/ 19823 w 24689"/>
              <a:gd name="connsiteY13" fmla="*/ 9017 h 10000"/>
              <a:gd name="connsiteX14" fmla="*/ 19823 w 24689"/>
              <a:gd name="connsiteY14" fmla="*/ 9263 h 10000"/>
              <a:gd name="connsiteX15" fmla="*/ 20678 w 24689"/>
              <a:gd name="connsiteY15" fmla="*/ 9263 h 10000"/>
              <a:gd name="connsiteX16" fmla="*/ 20678 w 24689"/>
              <a:gd name="connsiteY16" fmla="*/ 9673 h 10000"/>
              <a:gd name="connsiteX17" fmla="*/ 21587 w 24689"/>
              <a:gd name="connsiteY17" fmla="*/ 9673 h 10000"/>
              <a:gd name="connsiteX18" fmla="*/ 21587 w 24689"/>
              <a:gd name="connsiteY18" fmla="*/ 9837 h 10000"/>
              <a:gd name="connsiteX19" fmla="*/ 24315 w 24689"/>
              <a:gd name="connsiteY19" fmla="*/ 9837 h 10000"/>
              <a:gd name="connsiteX20" fmla="*/ 24315 w 24689"/>
              <a:gd name="connsiteY20" fmla="*/ 10000 h 10000"/>
              <a:gd name="connsiteX21" fmla="*/ 24689 w 24689"/>
              <a:gd name="connsiteY21" fmla="*/ 1000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24689" h="10000">
                <a:moveTo>
                  <a:pt x="0" y="0"/>
                </a:moveTo>
                <a:lnTo>
                  <a:pt x="15331" y="0"/>
                </a:lnTo>
                <a:lnTo>
                  <a:pt x="15331" y="7706"/>
                </a:lnTo>
                <a:lnTo>
                  <a:pt x="16026" y="7706"/>
                </a:lnTo>
                <a:lnTo>
                  <a:pt x="16026" y="8197"/>
                </a:lnTo>
                <a:lnTo>
                  <a:pt x="16721" y="8197"/>
                </a:lnTo>
                <a:lnTo>
                  <a:pt x="16721" y="8363"/>
                </a:lnTo>
                <a:lnTo>
                  <a:pt x="16935" y="8363"/>
                </a:lnTo>
                <a:lnTo>
                  <a:pt x="16935" y="8690"/>
                </a:lnTo>
                <a:lnTo>
                  <a:pt x="18165" y="8690"/>
                </a:lnTo>
                <a:lnTo>
                  <a:pt x="18165" y="8806"/>
                </a:lnTo>
                <a:lnTo>
                  <a:pt x="19074" y="8806"/>
                </a:lnTo>
                <a:lnTo>
                  <a:pt x="19074" y="9017"/>
                </a:lnTo>
                <a:lnTo>
                  <a:pt x="19823" y="9017"/>
                </a:lnTo>
                <a:lnTo>
                  <a:pt x="19823" y="9263"/>
                </a:lnTo>
                <a:lnTo>
                  <a:pt x="20678" y="9263"/>
                </a:lnTo>
                <a:lnTo>
                  <a:pt x="20678" y="9673"/>
                </a:lnTo>
                <a:lnTo>
                  <a:pt x="21587" y="9673"/>
                </a:lnTo>
                <a:lnTo>
                  <a:pt x="21587" y="9837"/>
                </a:lnTo>
                <a:lnTo>
                  <a:pt x="24315" y="9837"/>
                </a:lnTo>
                <a:lnTo>
                  <a:pt x="24315" y="10000"/>
                </a:lnTo>
                <a:lnTo>
                  <a:pt x="24689" y="10000"/>
                </a:lnTo>
              </a:path>
            </a:pathLst>
          </a:custGeom>
          <a:noFill/>
          <a:ln w="38100">
            <a:solidFill>
              <a:srgbClr val="00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19E33D5-521C-4D98-9DD1-AF73B8BD33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Markedskryss i realiteten (Norden)</a:t>
            </a:r>
          </a:p>
        </p:txBody>
      </p:sp>
      <p:sp>
        <p:nvSpPr>
          <p:cNvPr id="7" name="Rectangle 4">
            <a:extLst>
              <a:ext uri="{FF2B5EF4-FFF2-40B4-BE49-F238E27FC236}">
                <a16:creationId xmlns:a16="http://schemas.microsoft.com/office/drawing/2014/main" id="{0326368A-2921-4AE8-ACAC-18AD6B0DA862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54469" y="1900333"/>
            <a:ext cx="7400925" cy="4343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algn="l">
              <a:spcBef>
                <a:spcPct val="20000"/>
              </a:spcBef>
              <a:buClr>
                <a:schemeClr val="accent2"/>
              </a:buClr>
              <a:buFont typeface="Wingdings" panose="05000000000000000000" pitchFamily="2" charset="2"/>
              <a:buChar char="n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l">
              <a:spcBef>
                <a:spcPct val="20000"/>
              </a:spcBef>
              <a:buSzPct val="9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l">
              <a:spcBef>
                <a:spcPct val="20000"/>
              </a:spcBef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ctr" defTabSz="914263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altLang="nb-NO" sz="2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</a:endParaRPr>
          </a:p>
        </p:txBody>
      </p:sp>
      <p:sp>
        <p:nvSpPr>
          <p:cNvPr id="43" name="Freeform 40">
            <a:extLst>
              <a:ext uri="{FF2B5EF4-FFF2-40B4-BE49-F238E27FC236}">
                <a16:creationId xmlns:a16="http://schemas.microsoft.com/office/drawing/2014/main" id="{705AA86A-DC2D-4D4F-99D7-EF1146797645}"/>
              </a:ext>
            </a:extLst>
          </p:cNvPr>
          <p:cNvSpPr>
            <a:spLocks/>
          </p:cNvSpPr>
          <p:nvPr/>
        </p:nvSpPr>
        <p:spPr bwMode="auto">
          <a:xfrm>
            <a:off x="1154469" y="2451196"/>
            <a:ext cx="6161088" cy="3619500"/>
          </a:xfrm>
          <a:custGeom>
            <a:avLst/>
            <a:gdLst>
              <a:gd name="T0" fmla="*/ 1601 w 3913"/>
              <a:gd name="T1" fmla="*/ 2280 h 2299"/>
              <a:gd name="T2" fmla="*/ 1632 w 3913"/>
              <a:gd name="T3" fmla="*/ 2198 h 2299"/>
              <a:gd name="T4" fmla="*/ 1783 w 3913"/>
              <a:gd name="T5" fmla="*/ 2115 h 2299"/>
              <a:gd name="T6" fmla="*/ 2394 w 3913"/>
              <a:gd name="T7" fmla="*/ 2044 h 2299"/>
              <a:gd name="T8" fmla="*/ 2401 w 3913"/>
              <a:gd name="T9" fmla="*/ 2011 h 2299"/>
              <a:gd name="T10" fmla="*/ 2407 w 3913"/>
              <a:gd name="T11" fmla="*/ 1989 h 2299"/>
              <a:gd name="T12" fmla="*/ 2411 w 3913"/>
              <a:gd name="T13" fmla="*/ 1935 h 2299"/>
              <a:gd name="T14" fmla="*/ 2499 w 3913"/>
              <a:gd name="T15" fmla="*/ 1929 h 2299"/>
              <a:gd name="T16" fmla="*/ 2834 w 3913"/>
              <a:gd name="T17" fmla="*/ 1921 h 2299"/>
              <a:gd name="T18" fmla="*/ 3017 w 3913"/>
              <a:gd name="T19" fmla="*/ 1896 h 2299"/>
              <a:gd name="T20" fmla="*/ 3081 w 3913"/>
              <a:gd name="T21" fmla="*/ 1872 h 2299"/>
              <a:gd name="T22" fmla="*/ 3148 w 3913"/>
              <a:gd name="T23" fmla="*/ 1823 h 2299"/>
              <a:gd name="T24" fmla="*/ 3295 w 3913"/>
              <a:gd name="T25" fmla="*/ 1793 h 2299"/>
              <a:gd name="T26" fmla="*/ 3307 w 3913"/>
              <a:gd name="T27" fmla="*/ 1787 h 2299"/>
              <a:gd name="T28" fmla="*/ 3325 w 3913"/>
              <a:gd name="T29" fmla="*/ 1748 h 2299"/>
              <a:gd name="T30" fmla="*/ 3338 w 3913"/>
              <a:gd name="T31" fmla="*/ 1738 h 2299"/>
              <a:gd name="T32" fmla="*/ 3384 w 3913"/>
              <a:gd name="T33" fmla="*/ 1733 h 2299"/>
              <a:gd name="T34" fmla="*/ 3391 w 3913"/>
              <a:gd name="T35" fmla="*/ 1716 h 2299"/>
              <a:gd name="T36" fmla="*/ 3462 w 3913"/>
              <a:gd name="T37" fmla="*/ 1691 h 2299"/>
              <a:gd name="T38" fmla="*/ 3463 w 3913"/>
              <a:gd name="T39" fmla="*/ 1622 h 2299"/>
              <a:gd name="T40" fmla="*/ 3464 w 3913"/>
              <a:gd name="T41" fmla="*/ 1568 h 2299"/>
              <a:gd name="T42" fmla="*/ 3503 w 3913"/>
              <a:gd name="T43" fmla="*/ 1475 h 2299"/>
              <a:gd name="T44" fmla="*/ 3507 w 3913"/>
              <a:gd name="T45" fmla="*/ 1459 h 2299"/>
              <a:gd name="T46" fmla="*/ 3554 w 3913"/>
              <a:gd name="T47" fmla="*/ 1404 h 2299"/>
              <a:gd name="T48" fmla="*/ 3563 w 3913"/>
              <a:gd name="T49" fmla="*/ 1267 h 2299"/>
              <a:gd name="T50" fmla="*/ 3564 w 3913"/>
              <a:gd name="T51" fmla="*/ 1213 h 2299"/>
              <a:gd name="T52" fmla="*/ 3589 w 3913"/>
              <a:gd name="T53" fmla="*/ 1157 h 2299"/>
              <a:gd name="T54" fmla="*/ 3611 w 3913"/>
              <a:gd name="T55" fmla="*/ 1131 h 2299"/>
              <a:gd name="T56" fmla="*/ 3644 w 3913"/>
              <a:gd name="T57" fmla="*/ 885 h 2299"/>
              <a:gd name="T58" fmla="*/ 3658 w 3913"/>
              <a:gd name="T59" fmla="*/ 813 h 2299"/>
              <a:gd name="T60" fmla="*/ 3673 w 3913"/>
              <a:gd name="T61" fmla="*/ 726 h 2299"/>
              <a:gd name="T62" fmla="*/ 3724 w 3913"/>
              <a:gd name="T63" fmla="*/ 638 h 2299"/>
              <a:gd name="T64" fmla="*/ 3736 w 3913"/>
              <a:gd name="T65" fmla="*/ 474 h 2299"/>
              <a:gd name="T66" fmla="*/ 3748 w 3913"/>
              <a:gd name="T67" fmla="*/ 452 h 2299"/>
              <a:gd name="T68" fmla="*/ 3750 w 3913"/>
              <a:gd name="T69" fmla="*/ 299 h 2299"/>
              <a:gd name="T70" fmla="*/ 3756 w 3913"/>
              <a:gd name="T71" fmla="*/ 260 h 2299"/>
              <a:gd name="T72" fmla="*/ 3819 w 3913"/>
              <a:gd name="T73" fmla="*/ 255 h 2299"/>
              <a:gd name="T74" fmla="*/ 3881 w 3913"/>
              <a:gd name="T75" fmla="*/ 0 h 2299"/>
              <a:gd name="T76" fmla="*/ 0 60000 65536"/>
              <a:gd name="T77" fmla="*/ 0 60000 65536"/>
              <a:gd name="T78" fmla="*/ 0 60000 65536"/>
              <a:gd name="T79" fmla="*/ 0 60000 65536"/>
              <a:gd name="T80" fmla="*/ 0 60000 65536"/>
              <a:gd name="T81" fmla="*/ 0 60000 65536"/>
              <a:gd name="T82" fmla="*/ 0 60000 65536"/>
              <a:gd name="T83" fmla="*/ 0 60000 65536"/>
              <a:gd name="T84" fmla="*/ 0 60000 65536"/>
              <a:gd name="T85" fmla="*/ 0 60000 65536"/>
              <a:gd name="T86" fmla="*/ 0 60000 65536"/>
              <a:gd name="T87" fmla="*/ 0 60000 65536"/>
              <a:gd name="T88" fmla="*/ 0 60000 65536"/>
              <a:gd name="T89" fmla="*/ 0 60000 65536"/>
              <a:gd name="T90" fmla="*/ 0 60000 65536"/>
              <a:gd name="T91" fmla="*/ 0 60000 65536"/>
              <a:gd name="T92" fmla="*/ 0 60000 65536"/>
              <a:gd name="T93" fmla="*/ 0 60000 65536"/>
              <a:gd name="T94" fmla="*/ 0 60000 65536"/>
              <a:gd name="T95" fmla="*/ 0 60000 65536"/>
              <a:gd name="T96" fmla="*/ 0 60000 65536"/>
              <a:gd name="T97" fmla="*/ 0 60000 65536"/>
              <a:gd name="T98" fmla="*/ 0 60000 65536"/>
              <a:gd name="T99" fmla="*/ 0 60000 65536"/>
              <a:gd name="T100" fmla="*/ 0 60000 65536"/>
              <a:gd name="T101" fmla="*/ 0 60000 65536"/>
              <a:gd name="T102" fmla="*/ 0 60000 65536"/>
              <a:gd name="T103" fmla="*/ 0 60000 65536"/>
              <a:gd name="T104" fmla="*/ 0 60000 65536"/>
              <a:gd name="T105" fmla="*/ 0 60000 65536"/>
              <a:gd name="T106" fmla="*/ 0 60000 65536"/>
              <a:gd name="T107" fmla="*/ 0 60000 65536"/>
              <a:gd name="T108" fmla="*/ 0 60000 65536"/>
              <a:gd name="T109" fmla="*/ 0 60000 65536"/>
              <a:gd name="T110" fmla="*/ 0 60000 65536"/>
              <a:gd name="T111" fmla="*/ 0 60000 65536"/>
              <a:gd name="T112" fmla="*/ 0 60000 65536"/>
              <a:gd name="T113" fmla="*/ 0 60000 65536"/>
              <a:gd name="T114" fmla="*/ 0 w 3913"/>
              <a:gd name="T115" fmla="*/ 0 h 2299"/>
              <a:gd name="T116" fmla="*/ 3913 w 3913"/>
              <a:gd name="T117" fmla="*/ 2299 h 2299"/>
            </a:gdLst>
            <a:ahLst/>
            <a:cxnLst>
              <a:cxn ang="T76">
                <a:pos x="T0" y="T1"/>
              </a:cxn>
              <a:cxn ang="T77">
                <a:pos x="T2" y="T3"/>
              </a:cxn>
              <a:cxn ang="T78">
                <a:pos x="T4" y="T5"/>
              </a:cxn>
              <a:cxn ang="T79">
                <a:pos x="T6" y="T7"/>
              </a:cxn>
              <a:cxn ang="T80">
                <a:pos x="T8" y="T9"/>
              </a:cxn>
              <a:cxn ang="T81">
                <a:pos x="T10" y="T11"/>
              </a:cxn>
              <a:cxn ang="T82">
                <a:pos x="T12" y="T13"/>
              </a:cxn>
              <a:cxn ang="T83">
                <a:pos x="T14" y="T15"/>
              </a:cxn>
              <a:cxn ang="T84">
                <a:pos x="T16" y="T17"/>
              </a:cxn>
              <a:cxn ang="T85">
                <a:pos x="T18" y="T19"/>
              </a:cxn>
              <a:cxn ang="T86">
                <a:pos x="T20" y="T21"/>
              </a:cxn>
              <a:cxn ang="T87">
                <a:pos x="T22" y="T23"/>
              </a:cxn>
              <a:cxn ang="T88">
                <a:pos x="T24" y="T25"/>
              </a:cxn>
              <a:cxn ang="T89">
                <a:pos x="T26" y="T27"/>
              </a:cxn>
              <a:cxn ang="T90">
                <a:pos x="T28" y="T29"/>
              </a:cxn>
              <a:cxn ang="T91">
                <a:pos x="T30" y="T31"/>
              </a:cxn>
              <a:cxn ang="T92">
                <a:pos x="T32" y="T33"/>
              </a:cxn>
              <a:cxn ang="T93">
                <a:pos x="T34" y="T35"/>
              </a:cxn>
              <a:cxn ang="T94">
                <a:pos x="T36" y="T37"/>
              </a:cxn>
              <a:cxn ang="T95">
                <a:pos x="T38" y="T39"/>
              </a:cxn>
              <a:cxn ang="T96">
                <a:pos x="T40" y="T41"/>
              </a:cxn>
              <a:cxn ang="T97">
                <a:pos x="T42" y="T43"/>
              </a:cxn>
              <a:cxn ang="T98">
                <a:pos x="T44" y="T45"/>
              </a:cxn>
              <a:cxn ang="T99">
                <a:pos x="T46" y="T47"/>
              </a:cxn>
              <a:cxn ang="T100">
                <a:pos x="T48" y="T49"/>
              </a:cxn>
              <a:cxn ang="T101">
                <a:pos x="T50" y="T51"/>
              </a:cxn>
              <a:cxn ang="T102">
                <a:pos x="T52" y="T53"/>
              </a:cxn>
              <a:cxn ang="T103">
                <a:pos x="T54" y="T55"/>
              </a:cxn>
              <a:cxn ang="T104">
                <a:pos x="T56" y="T57"/>
              </a:cxn>
              <a:cxn ang="T105">
                <a:pos x="T58" y="T59"/>
              </a:cxn>
              <a:cxn ang="T106">
                <a:pos x="T60" y="T61"/>
              </a:cxn>
              <a:cxn ang="T107">
                <a:pos x="T62" y="T63"/>
              </a:cxn>
              <a:cxn ang="T108">
                <a:pos x="T64" y="T65"/>
              </a:cxn>
              <a:cxn ang="T109">
                <a:pos x="T66" y="T67"/>
              </a:cxn>
              <a:cxn ang="T110">
                <a:pos x="T68" y="T69"/>
              </a:cxn>
              <a:cxn ang="T111">
                <a:pos x="T70" y="T71"/>
              </a:cxn>
              <a:cxn ang="T112">
                <a:pos x="T72" y="T73"/>
              </a:cxn>
              <a:cxn ang="T113">
                <a:pos x="T74" y="T75"/>
              </a:cxn>
            </a:cxnLst>
            <a:rect l="T114" t="T115" r="T116" b="T117"/>
            <a:pathLst>
              <a:path w="3913" h="2299">
                <a:moveTo>
                  <a:pt x="0" y="2299"/>
                </a:moveTo>
                <a:lnTo>
                  <a:pt x="1614" y="2299"/>
                </a:lnTo>
                <a:lnTo>
                  <a:pt x="1614" y="2216"/>
                </a:lnTo>
                <a:lnTo>
                  <a:pt x="1645" y="2216"/>
                </a:lnTo>
                <a:lnTo>
                  <a:pt x="1645" y="2133"/>
                </a:lnTo>
                <a:lnTo>
                  <a:pt x="1798" y="2133"/>
                </a:lnTo>
                <a:lnTo>
                  <a:pt x="1798" y="2061"/>
                </a:lnTo>
                <a:lnTo>
                  <a:pt x="2414" y="2061"/>
                </a:lnTo>
                <a:lnTo>
                  <a:pt x="2414" y="2028"/>
                </a:lnTo>
                <a:lnTo>
                  <a:pt x="2421" y="2028"/>
                </a:lnTo>
                <a:lnTo>
                  <a:pt x="2421" y="2006"/>
                </a:lnTo>
                <a:lnTo>
                  <a:pt x="2427" y="2006"/>
                </a:lnTo>
                <a:lnTo>
                  <a:pt x="2427" y="1951"/>
                </a:lnTo>
                <a:lnTo>
                  <a:pt x="2431" y="1951"/>
                </a:lnTo>
                <a:lnTo>
                  <a:pt x="2431" y="1945"/>
                </a:lnTo>
                <a:lnTo>
                  <a:pt x="2520" y="1945"/>
                </a:lnTo>
                <a:lnTo>
                  <a:pt x="2520" y="1937"/>
                </a:lnTo>
                <a:lnTo>
                  <a:pt x="2857" y="1937"/>
                </a:lnTo>
                <a:lnTo>
                  <a:pt x="2857" y="1912"/>
                </a:lnTo>
                <a:lnTo>
                  <a:pt x="3042" y="1912"/>
                </a:lnTo>
                <a:lnTo>
                  <a:pt x="3042" y="1888"/>
                </a:lnTo>
                <a:lnTo>
                  <a:pt x="3106" y="1888"/>
                </a:lnTo>
                <a:lnTo>
                  <a:pt x="3106" y="1838"/>
                </a:lnTo>
                <a:lnTo>
                  <a:pt x="3174" y="1838"/>
                </a:lnTo>
                <a:lnTo>
                  <a:pt x="3186" y="1808"/>
                </a:lnTo>
                <a:lnTo>
                  <a:pt x="3322" y="1808"/>
                </a:lnTo>
                <a:lnTo>
                  <a:pt x="3322" y="1802"/>
                </a:lnTo>
                <a:lnTo>
                  <a:pt x="3334" y="1802"/>
                </a:lnTo>
                <a:lnTo>
                  <a:pt x="3334" y="1763"/>
                </a:lnTo>
                <a:lnTo>
                  <a:pt x="3352" y="1763"/>
                </a:lnTo>
                <a:lnTo>
                  <a:pt x="3352" y="1752"/>
                </a:lnTo>
                <a:lnTo>
                  <a:pt x="3366" y="1752"/>
                </a:lnTo>
                <a:lnTo>
                  <a:pt x="3366" y="1747"/>
                </a:lnTo>
                <a:lnTo>
                  <a:pt x="3412" y="1747"/>
                </a:lnTo>
                <a:lnTo>
                  <a:pt x="3412" y="1730"/>
                </a:lnTo>
                <a:lnTo>
                  <a:pt x="3419" y="1730"/>
                </a:lnTo>
                <a:lnTo>
                  <a:pt x="3419" y="1705"/>
                </a:lnTo>
                <a:lnTo>
                  <a:pt x="3491" y="1705"/>
                </a:lnTo>
                <a:lnTo>
                  <a:pt x="3491" y="1636"/>
                </a:lnTo>
                <a:lnTo>
                  <a:pt x="3492" y="1636"/>
                </a:lnTo>
                <a:lnTo>
                  <a:pt x="3492" y="1581"/>
                </a:lnTo>
                <a:lnTo>
                  <a:pt x="3493" y="1581"/>
                </a:lnTo>
                <a:lnTo>
                  <a:pt x="3493" y="1487"/>
                </a:lnTo>
                <a:lnTo>
                  <a:pt x="3532" y="1487"/>
                </a:lnTo>
                <a:lnTo>
                  <a:pt x="3532" y="1471"/>
                </a:lnTo>
                <a:lnTo>
                  <a:pt x="3536" y="1471"/>
                </a:lnTo>
                <a:lnTo>
                  <a:pt x="3536" y="1416"/>
                </a:lnTo>
                <a:lnTo>
                  <a:pt x="3583" y="1416"/>
                </a:lnTo>
                <a:lnTo>
                  <a:pt x="3583" y="1278"/>
                </a:lnTo>
                <a:lnTo>
                  <a:pt x="3592" y="1278"/>
                </a:lnTo>
                <a:lnTo>
                  <a:pt x="3592" y="1223"/>
                </a:lnTo>
                <a:lnTo>
                  <a:pt x="3593" y="1223"/>
                </a:lnTo>
                <a:lnTo>
                  <a:pt x="3593" y="1167"/>
                </a:lnTo>
                <a:lnTo>
                  <a:pt x="3619" y="1167"/>
                </a:lnTo>
                <a:lnTo>
                  <a:pt x="3619" y="1140"/>
                </a:lnTo>
                <a:lnTo>
                  <a:pt x="3641" y="1140"/>
                </a:lnTo>
                <a:lnTo>
                  <a:pt x="3641" y="892"/>
                </a:lnTo>
                <a:lnTo>
                  <a:pt x="3674" y="892"/>
                </a:lnTo>
                <a:lnTo>
                  <a:pt x="3674" y="820"/>
                </a:lnTo>
                <a:lnTo>
                  <a:pt x="3688" y="820"/>
                </a:lnTo>
                <a:lnTo>
                  <a:pt x="3688" y="732"/>
                </a:lnTo>
                <a:lnTo>
                  <a:pt x="3703" y="732"/>
                </a:lnTo>
                <a:lnTo>
                  <a:pt x="3703" y="643"/>
                </a:lnTo>
                <a:lnTo>
                  <a:pt x="3755" y="643"/>
                </a:lnTo>
                <a:lnTo>
                  <a:pt x="3755" y="478"/>
                </a:lnTo>
                <a:lnTo>
                  <a:pt x="3767" y="478"/>
                </a:lnTo>
                <a:lnTo>
                  <a:pt x="3767" y="456"/>
                </a:lnTo>
                <a:lnTo>
                  <a:pt x="3779" y="456"/>
                </a:lnTo>
                <a:lnTo>
                  <a:pt x="3779" y="301"/>
                </a:lnTo>
                <a:lnTo>
                  <a:pt x="3781" y="301"/>
                </a:lnTo>
                <a:lnTo>
                  <a:pt x="3781" y="262"/>
                </a:lnTo>
                <a:lnTo>
                  <a:pt x="3787" y="262"/>
                </a:lnTo>
                <a:lnTo>
                  <a:pt x="3787" y="257"/>
                </a:lnTo>
                <a:lnTo>
                  <a:pt x="3850" y="257"/>
                </a:lnTo>
                <a:lnTo>
                  <a:pt x="3850" y="0"/>
                </a:lnTo>
                <a:lnTo>
                  <a:pt x="3913" y="0"/>
                </a:lnTo>
              </a:path>
            </a:pathLst>
          </a:custGeom>
          <a:noFill/>
          <a:ln w="38100">
            <a:solidFill>
              <a:srgbClr val="FF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44" name="Freeform 41">
            <a:extLst>
              <a:ext uri="{FF2B5EF4-FFF2-40B4-BE49-F238E27FC236}">
                <a16:creationId xmlns:a16="http://schemas.microsoft.com/office/drawing/2014/main" id="{5A1EA644-1D74-4265-A06D-6A46906E8003}"/>
              </a:ext>
            </a:extLst>
          </p:cNvPr>
          <p:cNvSpPr>
            <a:spLocks/>
          </p:cNvSpPr>
          <p:nvPr/>
        </p:nvSpPr>
        <p:spPr bwMode="auto">
          <a:xfrm>
            <a:off x="5327422" y="1978121"/>
            <a:ext cx="764172" cy="4354513"/>
          </a:xfrm>
          <a:custGeom>
            <a:avLst/>
            <a:gdLst>
              <a:gd name="T0" fmla="*/ 0 w 187"/>
              <a:gd name="T1" fmla="*/ 0 h 3366"/>
              <a:gd name="T2" fmla="*/ 13 w 187"/>
              <a:gd name="T3" fmla="*/ 0 h 3366"/>
              <a:gd name="T4" fmla="*/ 13 w 187"/>
              <a:gd name="T5" fmla="*/ 2573 h 3366"/>
              <a:gd name="T6" fmla="*/ 26 w 187"/>
              <a:gd name="T7" fmla="*/ 2573 h 3366"/>
              <a:gd name="T8" fmla="*/ 26 w 187"/>
              <a:gd name="T9" fmla="*/ 2737 h 3366"/>
              <a:gd name="T10" fmla="*/ 39 w 187"/>
              <a:gd name="T11" fmla="*/ 2737 h 3366"/>
              <a:gd name="T12" fmla="*/ 39 w 187"/>
              <a:gd name="T13" fmla="*/ 2792 h 3366"/>
              <a:gd name="T14" fmla="*/ 43 w 187"/>
              <a:gd name="T15" fmla="*/ 2792 h 3366"/>
              <a:gd name="T16" fmla="*/ 43 w 187"/>
              <a:gd name="T17" fmla="*/ 2902 h 3366"/>
              <a:gd name="T18" fmla="*/ 65 w 187"/>
              <a:gd name="T19" fmla="*/ 2902 h 3366"/>
              <a:gd name="T20" fmla="*/ 65 w 187"/>
              <a:gd name="T21" fmla="*/ 2940 h 3366"/>
              <a:gd name="T22" fmla="*/ 82 w 187"/>
              <a:gd name="T23" fmla="*/ 2940 h 3366"/>
              <a:gd name="T24" fmla="*/ 82 w 187"/>
              <a:gd name="T25" fmla="*/ 3011 h 3366"/>
              <a:gd name="T26" fmla="*/ 96 w 187"/>
              <a:gd name="T27" fmla="*/ 3011 h 3366"/>
              <a:gd name="T28" fmla="*/ 96 w 187"/>
              <a:gd name="T29" fmla="*/ 3093 h 3366"/>
              <a:gd name="T30" fmla="*/ 112 w 187"/>
              <a:gd name="T31" fmla="*/ 3093 h 3366"/>
              <a:gd name="T32" fmla="*/ 112 w 187"/>
              <a:gd name="T33" fmla="*/ 3230 h 3366"/>
              <a:gd name="T34" fmla="*/ 128 w 187"/>
              <a:gd name="T35" fmla="*/ 3230 h 3366"/>
              <a:gd name="T36" fmla="*/ 128 w 187"/>
              <a:gd name="T37" fmla="*/ 3284 h 3366"/>
              <a:gd name="T38" fmla="*/ 179 w 187"/>
              <a:gd name="T39" fmla="*/ 3284 h 3366"/>
              <a:gd name="T40" fmla="*/ 179 w 187"/>
              <a:gd name="T41" fmla="*/ 3339 h 3366"/>
              <a:gd name="T42" fmla="*/ 186 w 187"/>
              <a:gd name="T43" fmla="*/ 3339 h 3366"/>
              <a:gd name="T44" fmla="*/ 0 60000 65536"/>
              <a:gd name="T45" fmla="*/ 0 60000 65536"/>
              <a:gd name="T46" fmla="*/ 0 60000 65536"/>
              <a:gd name="T47" fmla="*/ 0 60000 65536"/>
              <a:gd name="T48" fmla="*/ 0 60000 65536"/>
              <a:gd name="T49" fmla="*/ 0 60000 65536"/>
              <a:gd name="T50" fmla="*/ 0 60000 65536"/>
              <a:gd name="T51" fmla="*/ 0 60000 65536"/>
              <a:gd name="T52" fmla="*/ 0 60000 65536"/>
              <a:gd name="T53" fmla="*/ 0 60000 65536"/>
              <a:gd name="T54" fmla="*/ 0 60000 65536"/>
              <a:gd name="T55" fmla="*/ 0 60000 65536"/>
              <a:gd name="T56" fmla="*/ 0 60000 65536"/>
              <a:gd name="T57" fmla="*/ 0 60000 65536"/>
              <a:gd name="T58" fmla="*/ 0 60000 65536"/>
              <a:gd name="T59" fmla="*/ 0 60000 65536"/>
              <a:gd name="T60" fmla="*/ 0 60000 65536"/>
              <a:gd name="T61" fmla="*/ 0 60000 65536"/>
              <a:gd name="T62" fmla="*/ 0 60000 65536"/>
              <a:gd name="T63" fmla="*/ 0 60000 65536"/>
              <a:gd name="T64" fmla="*/ 0 60000 65536"/>
              <a:gd name="T65" fmla="*/ 0 60000 65536"/>
              <a:gd name="T66" fmla="*/ 0 w 187"/>
              <a:gd name="T67" fmla="*/ 0 h 3366"/>
              <a:gd name="T68" fmla="*/ 187 w 187"/>
              <a:gd name="T69" fmla="*/ 3366 h 3366"/>
              <a:gd name="connsiteX0" fmla="*/ 0 w 16749"/>
              <a:gd name="connsiteY0" fmla="*/ 54 h 10000"/>
              <a:gd name="connsiteX1" fmla="*/ 7444 w 16749"/>
              <a:gd name="connsiteY1" fmla="*/ 0 h 10000"/>
              <a:gd name="connsiteX2" fmla="*/ 7444 w 16749"/>
              <a:gd name="connsiteY2" fmla="*/ 7706 h 10000"/>
              <a:gd name="connsiteX3" fmla="*/ 8139 w 16749"/>
              <a:gd name="connsiteY3" fmla="*/ 7706 h 10000"/>
              <a:gd name="connsiteX4" fmla="*/ 8139 w 16749"/>
              <a:gd name="connsiteY4" fmla="*/ 8197 h 10000"/>
              <a:gd name="connsiteX5" fmla="*/ 8835 w 16749"/>
              <a:gd name="connsiteY5" fmla="*/ 8197 h 10000"/>
              <a:gd name="connsiteX6" fmla="*/ 8835 w 16749"/>
              <a:gd name="connsiteY6" fmla="*/ 8363 h 10000"/>
              <a:gd name="connsiteX7" fmla="*/ 9048 w 16749"/>
              <a:gd name="connsiteY7" fmla="*/ 8363 h 10000"/>
              <a:gd name="connsiteX8" fmla="*/ 9048 w 16749"/>
              <a:gd name="connsiteY8" fmla="*/ 8690 h 10000"/>
              <a:gd name="connsiteX9" fmla="*/ 10225 w 16749"/>
              <a:gd name="connsiteY9" fmla="*/ 8690 h 10000"/>
              <a:gd name="connsiteX10" fmla="*/ 10225 w 16749"/>
              <a:gd name="connsiteY10" fmla="*/ 8806 h 10000"/>
              <a:gd name="connsiteX11" fmla="*/ 11134 w 16749"/>
              <a:gd name="connsiteY11" fmla="*/ 8806 h 10000"/>
              <a:gd name="connsiteX12" fmla="*/ 11134 w 16749"/>
              <a:gd name="connsiteY12" fmla="*/ 9017 h 10000"/>
              <a:gd name="connsiteX13" fmla="*/ 11936 w 16749"/>
              <a:gd name="connsiteY13" fmla="*/ 9017 h 10000"/>
              <a:gd name="connsiteX14" fmla="*/ 11936 w 16749"/>
              <a:gd name="connsiteY14" fmla="*/ 9263 h 10000"/>
              <a:gd name="connsiteX15" fmla="*/ 12792 w 16749"/>
              <a:gd name="connsiteY15" fmla="*/ 9263 h 10000"/>
              <a:gd name="connsiteX16" fmla="*/ 12792 w 16749"/>
              <a:gd name="connsiteY16" fmla="*/ 9673 h 10000"/>
              <a:gd name="connsiteX17" fmla="*/ 13647 w 16749"/>
              <a:gd name="connsiteY17" fmla="*/ 9673 h 10000"/>
              <a:gd name="connsiteX18" fmla="*/ 13647 w 16749"/>
              <a:gd name="connsiteY18" fmla="*/ 9837 h 10000"/>
              <a:gd name="connsiteX19" fmla="*/ 16375 w 16749"/>
              <a:gd name="connsiteY19" fmla="*/ 9837 h 10000"/>
              <a:gd name="connsiteX20" fmla="*/ 16375 w 16749"/>
              <a:gd name="connsiteY20" fmla="*/ 10000 h 10000"/>
              <a:gd name="connsiteX21" fmla="*/ 16749 w 16749"/>
              <a:gd name="connsiteY21" fmla="*/ 10000 h 10000"/>
              <a:gd name="connsiteX0" fmla="*/ 0 w 18337"/>
              <a:gd name="connsiteY0" fmla="*/ 0 h 10000"/>
              <a:gd name="connsiteX1" fmla="*/ 9032 w 18337"/>
              <a:gd name="connsiteY1" fmla="*/ 0 h 10000"/>
              <a:gd name="connsiteX2" fmla="*/ 9032 w 18337"/>
              <a:gd name="connsiteY2" fmla="*/ 7706 h 10000"/>
              <a:gd name="connsiteX3" fmla="*/ 9727 w 18337"/>
              <a:gd name="connsiteY3" fmla="*/ 7706 h 10000"/>
              <a:gd name="connsiteX4" fmla="*/ 9727 w 18337"/>
              <a:gd name="connsiteY4" fmla="*/ 8197 h 10000"/>
              <a:gd name="connsiteX5" fmla="*/ 10423 w 18337"/>
              <a:gd name="connsiteY5" fmla="*/ 8197 h 10000"/>
              <a:gd name="connsiteX6" fmla="*/ 10423 w 18337"/>
              <a:gd name="connsiteY6" fmla="*/ 8363 h 10000"/>
              <a:gd name="connsiteX7" fmla="*/ 10636 w 18337"/>
              <a:gd name="connsiteY7" fmla="*/ 8363 h 10000"/>
              <a:gd name="connsiteX8" fmla="*/ 10636 w 18337"/>
              <a:gd name="connsiteY8" fmla="*/ 8690 h 10000"/>
              <a:gd name="connsiteX9" fmla="*/ 11813 w 18337"/>
              <a:gd name="connsiteY9" fmla="*/ 8690 h 10000"/>
              <a:gd name="connsiteX10" fmla="*/ 11813 w 18337"/>
              <a:gd name="connsiteY10" fmla="*/ 8806 h 10000"/>
              <a:gd name="connsiteX11" fmla="*/ 12722 w 18337"/>
              <a:gd name="connsiteY11" fmla="*/ 8806 h 10000"/>
              <a:gd name="connsiteX12" fmla="*/ 12722 w 18337"/>
              <a:gd name="connsiteY12" fmla="*/ 9017 h 10000"/>
              <a:gd name="connsiteX13" fmla="*/ 13524 w 18337"/>
              <a:gd name="connsiteY13" fmla="*/ 9017 h 10000"/>
              <a:gd name="connsiteX14" fmla="*/ 13524 w 18337"/>
              <a:gd name="connsiteY14" fmla="*/ 9263 h 10000"/>
              <a:gd name="connsiteX15" fmla="*/ 14380 w 18337"/>
              <a:gd name="connsiteY15" fmla="*/ 9263 h 10000"/>
              <a:gd name="connsiteX16" fmla="*/ 14380 w 18337"/>
              <a:gd name="connsiteY16" fmla="*/ 9673 h 10000"/>
              <a:gd name="connsiteX17" fmla="*/ 15235 w 18337"/>
              <a:gd name="connsiteY17" fmla="*/ 9673 h 10000"/>
              <a:gd name="connsiteX18" fmla="*/ 15235 w 18337"/>
              <a:gd name="connsiteY18" fmla="*/ 9837 h 10000"/>
              <a:gd name="connsiteX19" fmla="*/ 17963 w 18337"/>
              <a:gd name="connsiteY19" fmla="*/ 9837 h 10000"/>
              <a:gd name="connsiteX20" fmla="*/ 17963 w 18337"/>
              <a:gd name="connsiteY20" fmla="*/ 10000 h 10000"/>
              <a:gd name="connsiteX21" fmla="*/ 18337 w 18337"/>
              <a:gd name="connsiteY21" fmla="*/ 10000 h 10000"/>
              <a:gd name="connsiteX0" fmla="*/ 0 w 25880"/>
              <a:gd name="connsiteY0" fmla="*/ 0 h 10000"/>
              <a:gd name="connsiteX1" fmla="*/ 16575 w 25880"/>
              <a:gd name="connsiteY1" fmla="*/ 0 h 10000"/>
              <a:gd name="connsiteX2" fmla="*/ 16575 w 25880"/>
              <a:gd name="connsiteY2" fmla="*/ 7706 h 10000"/>
              <a:gd name="connsiteX3" fmla="*/ 17270 w 25880"/>
              <a:gd name="connsiteY3" fmla="*/ 7706 h 10000"/>
              <a:gd name="connsiteX4" fmla="*/ 17270 w 25880"/>
              <a:gd name="connsiteY4" fmla="*/ 8197 h 10000"/>
              <a:gd name="connsiteX5" fmla="*/ 17966 w 25880"/>
              <a:gd name="connsiteY5" fmla="*/ 8197 h 10000"/>
              <a:gd name="connsiteX6" fmla="*/ 17966 w 25880"/>
              <a:gd name="connsiteY6" fmla="*/ 8363 h 10000"/>
              <a:gd name="connsiteX7" fmla="*/ 18179 w 25880"/>
              <a:gd name="connsiteY7" fmla="*/ 8363 h 10000"/>
              <a:gd name="connsiteX8" fmla="*/ 18179 w 25880"/>
              <a:gd name="connsiteY8" fmla="*/ 8690 h 10000"/>
              <a:gd name="connsiteX9" fmla="*/ 19356 w 25880"/>
              <a:gd name="connsiteY9" fmla="*/ 8690 h 10000"/>
              <a:gd name="connsiteX10" fmla="*/ 19356 w 25880"/>
              <a:gd name="connsiteY10" fmla="*/ 8806 h 10000"/>
              <a:gd name="connsiteX11" fmla="*/ 20265 w 25880"/>
              <a:gd name="connsiteY11" fmla="*/ 8806 h 10000"/>
              <a:gd name="connsiteX12" fmla="*/ 20265 w 25880"/>
              <a:gd name="connsiteY12" fmla="*/ 9017 h 10000"/>
              <a:gd name="connsiteX13" fmla="*/ 21067 w 25880"/>
              <a:gd name="connsiteY13" fmla="*/ 9017 h 10000"/>
              <a:gd name="connsiteX14" fmla="*/ 21067 w 25880"/>
              <a:gd name="connsiteY14" fmla="*/ 9263 h 10000"/>
              <a:gd name="connsiteX15" fmla="*/ 21923 w 25880"/>
              <a:gd name="connsiteY15" fmla="*/ 9263 h 10000"/>
              <a:gd name="connsiteX16" fmla="*/ 21923 w 25880"/>
              <a:gd name="connsiteY16" fmla="*/ 9673 h 10000"/>
              <a:gd name="connsiteX17" fmla="*/ 22778 w 25880"/>
              <a:gd name="connsiteY17" fmla="*/ 9673 h 10000"/>
              <a:gd name="connsiteX18" fmla="*/ 22778 w 25880"/>
              <a:gd name="connsiteY18" fmla="*/ 9837 h 10000"/>
              <a:gd name="connsiteX19" fmla="*/ 25506 w 25880"/>
              <a:gd name="connsiteY19" fmla="*/ 9837 h 10000"/>
              <a:gd name="connsiteX20" fmla="*/ 25506 w 25880"/>
              <a:gd name="connsiteY20" fmla="*/ 10000 h 10000"/>
              <a:gd name="connsiteX21" fmla="*/ 25880 w 25880"/>
              <a:gd name="connsiteY21" fmla="*/ 1000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25880" h="10000">
                <a:moveTo>
                  <a:pt x="0" y="0"/>
                </a:moveTo>
                <a:lnTo>
                  <a:pt x="16575" y="0"/>
                </a:lnTo>
                <a:lnTo>
                  <a:pt x="16575" y="7706"/>
                </a:lnTo>
                <a:lnTo>
                  <a:pt x="17270" y="7706"/>
                </a:lnTo>
                <a:lnTo>
                  <a:pt x="17270" y="8197"/>
                </a:lnTo>
                <a:lnTo>
                  <a:pt x="17966" y="8197"/>
                </a:lnTo>
                <a:lnTo>
                  <a:pt x="17966" y="8363"/>
                </a:lnTo>
                <a:lnTo>
                  <a:pt x="18179" y="8363"/>
                </a:lnTo>
                <a:lnTo>
                  <a:pt x="18179" y="8690"/>
                </a:lnTo>
                <a:lnTo>
                  <a:pt x="19356" y="8690"/>
                </a:lnTo>
                <a:lnTo>
                  <a:pt x="19356" y="8806"/>
                </a:lnTo>
                <a:lnTo>
                  <a:pt x="20265" y="8806"/>
                </a:lnTo>
                <a:lnTo>
                  <a:pt x="20265" y="9017"/>
                </a:lnTo>
                <a:lnTo>
                  <a:pt x="21067" y="9017"/>
                </a:lnTo>
                <a:lnTo>
                  <a:pt x="21067" y="9263"/>
                </a:lnTo>
                <a:lnTo>
                  <a:pt x="21923" y="9263"/>
                </a:lnTo>
                <a:lnTo>
                  <a:pt x="21923" y="9673"/>
                </a:lnTo>
                <a:lnTo>
                  <a:pt x="22778" y="9673"/>
                </a:lnTo>
                <a:lnTo>
                  <a:pt x="22778" y="9837"/>
                </a:lnTo>
                <a:lnTo>
                  <a:pt x="25506" y="9837"/>
                </a:lnTo>
                <a:lnTo>
                  <a:pt x="25506" y="10000"/>
                </a:lnTo>
                <a:lnTo>
                  <a:pt x="25880" y="10000"/>
                </a:lnTo>
              </a:path>
            </a:pathLst>
          </a:custGeom>
          <a:noFill/>
          <a:ln w="38100">
            <a:solidFill>
              <a:srgbClr val="0000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46" name="Freeform 43">
            <a:extLst>
              <a:ext uri="{FF2B5EF4-FFF2-40B4-BE49-F238E27FC236}">
                <a16:creationId xmlns:a16="http://schemas.microsoft.com/office/drawing/2014/main" id="{A49AE5D3-F5E5-4D8D-9D09-8A87D2C55538}"/>
              </a:ext>
            </a:extLst>
          </p:cNvPr>
          <p:cNvSpPr>
            <a:spLocks/>
          </p:cNvSpPr>
          <p:nvPr/>
        </p:nvSpPr>
        <p:spPr bwMode="auto">
          <a:xfrm>
            <a:off x="1154469" y="2958218"/>
            <a:ext cx="6632575" cy="3112477"/>
          </a:xfrm>
          <a:custGeom>
            <a:avLst/>
            <a:gdLst>
              <a:gd name="T0" fmla="*/ 1898 w 4212"/>
              <a:gd name="T1" fmla="*/ 2280 h 2299"/>
              <a:gd name="T2" fmla="*/ 1928 w 4212"/>
              <a:gd name="T3" fmla="*/ 2198 h 2299"/>
              <a:gd name="T4" fmla="*/ 2080 w 4212"/>
              <a:gd name="T5" fmla="*/ 2115 h 2299"/>
              <a:gd name="T6" fmla="*/ 2691 w 4212"/>
              <a:gd name="T7" fmla="*/ 2044 h 2299"/>
              <a:gd name="T8" fmla="*/ 2698 w 4212"/>
              <a:gd name="T9" fmla="*/ 2011 h 2299"/>
              <a:gd name="T10" fmla="*/ 2704 w 4212"/>
              <a:gd name="T11" fmla="*/ 1989 h 2299"/>
              <a:gd name="T12" fmla="*/ 2708 w 4212"/>
              <a:gd name="T13" fmla="*/ 1935 h 2299"/>
              <a:gd name="T14" fmla="*/ 2797 w 4212"/>
              <a:gd name="T15" fmla="*/ 1929 h 2299"/>
              <a:gd name="T16" fmla="*/ 3131 w 4212"/>
              <a:gd name="T17" fmla="*/ 1921 h 2299"/>
              <a:gd name="T18" fmla="*/ 3314 w 4212"/>
              <a:gd name="T19" fmla="*/ 1896 h 2299"/>
              <a:gd name="T20" fmla="*/ 3378 w 4212"/>
              <a:gd name="T21" fmla="*/ 1872 h 2299"/>
              <a:gd name="T22" fmla="*/ 3445 w 4212"/>
              <a:gd name="T23" fmla="*/ 1823 h 2299"/>
              <a:gd name="T24" fmla="*/ 3592 w 4212"/>
              <a:gd name="T25" fmla="*/ 1793 h 2299"/>
              <a:gd name="T26" fmla="*/ 3604 w 4212"/>
              <a:gd name="T27" fmla="*/ 1787 h 2299"/>
              <a:gd name="T28" fmla="*/ 3622 w 4212"/>
              <a:gd name="T29" fmla="*/ 1748 h 2299"/>
              <a:gd name="T30" fmla="*/ 3635 w 4212"/>
              <a:gd name="T31" fmla="*/ 1738 h 2299"/>
              <a:gd name="T32" fmla="*/ 3681 w 4212"/>
              <a:gd name="T33" fmla="*/ 1733 h 2299"/>
              <a:gd name="T34" fmla="*/ 3688 w 4212"/>
              <a:gd name="T35" fmla="*/ 1716 h 2299"/>
              <a:gd name="T36" fmla="*/ 3759 w 4212"/>
              <a:gd name="T37" fmla="*/ 1691 h 2299"/>
              <a:gd name="T38" fmla="*/ 3760 w 4212"/>
              <a:gd name="T39" fmla="*/ 1622 h 2299"/>
              <a:gd name="T40" fmla="*/ 3761 w 4212"/>
              <a:gd name="T41" fmla="*/ 1568 h 2299"/>
              <a:gd name="T42" fmla="*/ 3800 w 4212"/>
              <a:gd name="T43" fmla="*/ 1475 h 2299"/>
              <a:gd name="T44" fmla="*/ 3804 w 4212"/>
              <a:gd name="T45" fmla="*/ 1459 h 2299"/>
              <a:gd name="T46" fmla="*/ 3851 w 4212"/>
              <a:gd name="T47" fmla="*/ 1404 h 2299"/>
              <a:gd name="T48" fmla="*/ 3860 w 4212"/>
              <a:gd name="T49" fmla="*/ 1267 h 2299"/>
              <a:gd name="T50" fmla="*/ 3861 w 4212"/>
              <a:gd name="T51" fmla="*/ 1213 h 2299"/>
              <a:gd name="T52" fmla="*/ 3886 w 4212"/>
              <a:gd name="T53" fmla="*/ 1157 h 2299"/>
              <a:gd name="T54" fmla="*/ 3908 w 4212"/>
              <a:gd name="T55" fmla="*/ 1131 h 2299"/>
              <a:gd name="T56" fmla="*/ 3941 w 4212"/>
              <a:gd name="T57" fmla="*/ 885 h 2299"/>
              <a:gd name="T58" fmla="*/ 3955 w 4212"/>
              <a:gd name="T59" fmla="*/ 813 h 2299"/>
              <a:gd name="T60" fmla="*/ 3970 w 4212"/>
              <a:gd name="T61" fmla="*/ 726 h 2299"/>
              <a:gd name="T62" fmla="*/ 4022 w 4212"/>
              <a:gd name="T63" fmla="*/ 638 h 2299"/>
              <a:gd name="T64" fmla="*/ 4033 w 4212"/>
              <a:gd name="T65" fmla="*/ 474 h 2299"/>
              <a:gd name="T66" fmla="*/ 4045 w 4212"/>
              <a:gd name="T67" fmla="*/ 452 h 2299"/>
              <a:gd name="T68" fmla="*/ 4047 w 4212"/>
              <a:gd name="T69" fmla="*/ 299 h 2299"/>
              <a:gd name="T70" fmla="*/ 4053 w 4212"/>
              <a:gd name="T71" fmla="*/ 260 h 2299"/>
              <a:gd name="T72" fmla="*/ 4116 w 4212"/>
              <a:gd name="T73" fmla="*/ 255 h 2299"/>
              <a:gd name="T74" fmla="*/ 4178 w 4212"/>
              <a:gd name="T75" fmla="*/ 0 h 2299"/>
              <a:gd name="T76" fmla="*/ 0 60000 65536"/>
              <a:gd name="T77" fmla="*/ 0 60000 65536"/>
              <a:gd name="T78" fmla="*/ 0 60000 65536"/>
              <a:gd name="T79" fmla="*/ 0 60000 65536"/>
              <a:gd name="T80" fmla="*/ 0 60000 65536"/>
              <a:gd name="T81" fmla="*/ 0 60000 65536"/>
              <a:gd name="T82" fmla="*/ 0 60000 65536"/>
              <a:gd name="T83" fmla="*/ 0 60000 65536"/>
              <a:gd name="T84" fmla="*/ 0 60000 65536"/>
              <a:gd name="T85" fmla="*/ 0 60000 65536"/>
              <a:gd name="T86" fmla="*/ 0 60000 65536"/>
              <a:gd name="T87" fmla="*/ 0 60000 65536"/>
              <a:gd name="T88" fmla="*/ 0 60000 65536"/>
              <a:gd name="T89" fmla="*/ 0 60000 65536"/>
              <a:gd name="T90" fmla="*/ 0 60000 65536"/>
              <a:gd name="T91" fmla="*/ 0 60000 65536"/>
              <a:gd name="T92" fmla="*/ 0 60000 65536"/>
              <a:gd name="T93" fmla="*/ 0 60000 65536"/>
              <a:gd name="T94" fmla="*/ 0 60000 65536"/>
              <a:gd name="T95" fmla="*/ 0 60000 65536"/>
              <a:gd name="T96" fmla="*/ 0 60000 65536"/>
              <a:gd name="T97" fmla="*/ 0 60000 65536"/>
              <a:gd name="T98" fmla="*/ 0 60000 65536"/>
              <a:gd name="T99" fmla="*/ 0 60000 65536"/>
              <a:gd name="T100" fmla="*/ 0 60000 65536"/>
              <a:gd name="T101" fmla="*/ 0 60000 65536"/>
              <a:gd name="T102" fmla="*/ 0 60000 65536"/>
              <a:gd name="T103" fmla="*/ 0 60000 65536"/>
              <a:gd name="T104" fmla="*/ 0 60000 65536"/>
              <a:gd name="T105" fmla="*/ 0 60000 65536"/>
              <a:gd name="T106" fmla="*/ 0 60000 65536"/>
              <a:gd name="T107" fmla="*/ 0 60000 65536"/>
              <a:gd name="T108" fmla="*/ 0 60000 65536"/>
              <a:gd name="T109" fmla="*/ 0 60000 65536"/>
              <a:gd name="T110" fmla="*/ 0 60000 65536"/>
              <a:gd name="T111" fmla="*/ 0 60000 65536"/>
              <a:gd name="T112" fmla="*/ 0 60000 65536"/>
              <a:gd name="T113" fmla="*/ 0 60000 65536"/>
              <a:gd name="T114" fmla="*/ 0 w 4212"/>
              <a:gd name="T115" fmla="*/ 0 h 2299"/>
              <a:gd name="T116" fmla="*/ 4212 w 4212"/>
              <a:gd name="T117" fmla="*/ 2299 h 2299"/>
            </a:gdLst>
            <a:ahLst/>
            <a:cxnLst>
              <a:cxn ang="T76">
                <a:pos x="T0" y="T1"/>
              </a:cxn>
              <a:cxn ang="T77">
                <a:pos x="T2" y="T3"/>
              </a:cxn>
              <a:cxn ang="T78">
                <a:pos x="T4" y="T5"/>
              </a:cxn>
              <a:cxn ang="T79">
                <a:pos x="T6" y="T7"/>
              </a:cxn>
              <a:cxn ang="T80">
                <a:pos x="T8" y="T9"/>
              </a:cxn>
              <a:cxn ang="T81">
                <a:pos x="T10" y="T11"/>
              </a:cxn>
              <a:cxn ang="T82">
                <a:pos x="T12" y="T13"/>
              </a:cxn>
              <a:cxn ang="T83">
                <a:pos x="T14" y="T15"/>
              </a:cxn>
              <a:cxn ang="T84">
                <a:pos x="T16" y="T17"/>
              </a:cxn>
              <a:cxn ang="T85">
                <a:pos x="T18" y="T19"/>
              </a:cxn>
              <a:cxn ang="T86">
                <a:pos x="T20" y="T21"/>
              </a:cxn>
              <a:cxn ang="T87">
                <a:pos x="T22" y="T23"/>
              </a:cxn>
              <a:cxn ang="T88">
                <a:pos x="T24" y="T25"/>
              </a:cxn>
              <a:cxn ang="T89">
                <a:pos x="T26" y="T27"/>
              </a:cxn>
              <a:cxn ang="T90">
                <a:pos x="T28" y="T29"/>
              </a:cxn>
              <a:cxn ang="T91">
                <a:pos x="T30" y="T31"/>
              </a:cxn>
              <a:cxn ang="T92">
                <a:pos x="T32" y="T33"/>
              </a:cxn>
              <a:cxn ang="T93">
                <a:pos x="T34" y="T35"/>
              </a:cxn>
              <a:cxn ang="T94">
                <a:pos x="T36" y="T37"/>
              </a:cxn>
              <a:cxn ang="T95">
                <a:pos x="T38" y="T39"/>
              </a:cxn>
              <a:cxn ang="T96">
                <a:pos x="T40" y="T41"/>
              </a:cxn>
              <a:cxn ang="T97">
                <a:pos x="T42" y="T43"/>
              </a:cxn>
              <a:cxn ang="T98">
                <a:pos x="T44" y="T45"/>
              </a:cxn>
              <a:cxn ang="T99">
                <a:pos x="T46" y="T47"/>
              </a:cxn>
              <a:cxn ang="T100">
                <a:pos x="T48" y="T49"/>
              </a:cxn>
              <a:cxn ang="T101">
                <a:pos x="T50" y="T51"/>
              </a:cxn>
              <a:cxn ang="T102">
                <a:pos x="T52" y="T53"/>
              </a:cxn>
              <a:cxn ang="T103">
                <a:pos x="T54" y="T55"/>
              </a:cxn>
              <a:cxn ang="T104">
                <a:pos x="T56" y="T57"/>
              </a:cxn>
              <a:cxn ang="T105">
                <a:pos x="T58" y="T59"/>
              </a:cxn>
              <a:cxn ang="T106">
                <a:pos x="T60" y="T61"/>
              </a:cxn>
              <a:cxn ang="T107">
                <a:pos x="T62" y="T63"/>
              </a:cxn>
              <a:cxn ang="T108">
                <a:pos x="T64" y="T65"/>
              </a:cxn>
              <a:cxn ang="T109">
                <a:pos x="T66" y="T67"/>
              </a:cxn>
              <a:cxn ang="T110">
                <a:pos x="T68" y="T69"/>
              </a:cxn>
              <a:cxn ang="T111">
                <a:pos x="T70" y="T71"/>
              </a:cxn>
              <a:cxn ang="T112">
                <a:pos x="T72" y="T73"/>
              </a:cxn>
              <a:cxn ang="T113">
                <a:pos x="T74" y="T75"/>
              </a:cxn>
            </a:cxnLst>
            <a:rect l="T114" t="T115" r="T116" b="T117"/>
            <a:pathLst>
              <a:path w="4212" h="2299">
                <a:moveTo>
                  <a:pt x="0" y="2299"/>
                </a:moveTo>
                <a:lnTo>
                  <a:pt x="1913" y="2299"/>
                </a:lnTo>
                <a:lnTo>
                  <a:pt x="1913" y="2216"/>
                </a:lnTo>
                <a:lnTo>
                  <a:pt x="1944" y="2216"/>
                </a:lnTo>
                <a:lnTo>
                  <a:pt x="1944" y="2133"/>
                </a:lnTo>
                <a:lnTo>
                  <a:pt x="2097" y="2133"/>
                </a:lnTo>
                <a:lnTo>
                  <a:pt x="2097" y="2061"/>
                </a:lnTo>
                <a:lnTo>
                  <a:pt x="2713" y="2061"/>
                </a:lnTo>
                <a:lnTo>
                  <a:pt x="2713" y="2028"/>
                </a:lnTo>
                <a:lnTo>
                  <a:pt x="2720" y="2028"/>
                </a:lnTo>
                <a:lnTo>
                  <a:pt x="2720" y="2006"/>
                </a:lnTo>
                <a:lnTo>
                  <a:pt x="2726" y="2006"/>
                </a:lnTo>
                <a:lnTo>
                  <a:pt x="2726" y="1951"/>
                </a:lnTo>
                <a:lnTo>
                  <a:pt x="2730" y="1951"/>
                </a:lnTo>
                <a:lnTo>
                  <a:pt x="2730" y="1945"/>
                </a:lnTo>
                <a:lnTo>
                  <a:pt x="2820" y="1945"/>
                </a:lnTo>
                <a:lnTo>
                  <a:pt x="2820" y="1937"/>
                </a:lnTo>
                <a:lnTo>
                  <a:pt x="3156" y="1937"/>
                </a:lnTo>
                <a:lnTo>
                  <a:pt x="3156" y="1912"/>
                </a:lnTo>
                <a:lnTo>
                  <a:pt x="3341" y="1912"/>
                </a:lnTo>
                <a:lnTo>
                  <a:pt x="3341" y="1888"/>
                </a:lnTo>
                <a:lnTo>
                  <a:pt x="3405" y="1888"/>
                </a:lnTo>
                <a:lnTo>
                  <a:pt x="3405" y="1838"/>
                </a:lnTo>
                <a:lnTo>
                  <a:pt x="3473" y="1838"/>
                </a:lnTo>
                <a:lnTo>
                  <a:pt x="3485" y="1808"/>
                </a:lnTo>
                <a:lnTo>
                  <a:pt x="3621" y="1808"/>
                </a:lnTo>
                <a:lnTo>
                  <a:pt x="3621" y="1802"/>
                </a:lnTo>
                <a:lnTo>
                  <a:pt x="3633" y="1802"/>
                </a:lnTo>
                <a:lnTo>
                  <a:pt x="3633" y="1763"/>
                </a:lnTo>
                <a:lnTo>
                  <a:pt x="3651" y="1763"/>
                </a:lnTo>
                <a:lnTo>
                  <a:pt x="3651" y="1752"/>
                </a:lnTo>
                <a:lnTo>
                  <a:pt x="3665" y="1752"/>
                </a:lnTo>
                <a:lnTo>
                  <a:pt x="3665" y="1747"/>
                </a:lnTo>
                <a:lnTo>
                  <a:pt x="3711" y="1747"/>
                </a:lnTo>
                <a:lnTo>
                  <a:pt x="3711" y="1730"/>
                </a:lnTo>
                <a:lnTo>
                  <a:pt x="3718" y="1730"/>
                </a:lnTo>
                <a:lnTo>
                  <a:pt x="3718" y="1705"/>
                </a:lnTo>
                <a:lnTo>
                  <a:pt x="3790" y="1705"/>
                </a:lnTo>
                <a:lnTo>
                  <a:pt x="3790" y="1636"/>
                </a:lnTo>
                <a:lnTo>
                  <a:pt x="3791" y="1636"/>
                </a:lnTo>
                <a:lnTo>
                  <a:pt x="3791" y="1581"/>
                </a:lnTo>
                <a:lnTo>
                  <a:pt x="3792" y="1581"/>
                </a:lnTo>
                <a:lnTo>
                  <a:pt x="3792" y="1487"/>
                </a:lnTo>
                <a:lnTo>
                  <a:pt x="3831" y="1487"/>
                </a:lnTo>
                <a:lnTo>
                  <a:pt x="3831" y="1471"/>
                </a:lnTo>
                <a:lnTo>
                  <a:pt x="3835" y="1471"/>
                </a:lnTo>
                <a:lnTo>
                  <a:pt x="3835" y="1416"/>
                </a:lnTo>
                <a:lnTo>
                  <a:pt x="3882" y="1416"/>
                </a:lnTo>
                <a:lnTo>
                  <a:pt x="3882" y="1278"/>
                </a:lnTo>
                <a:lnTo>
                  <a:pt x="3891" y="1278"/>
                </a:lnTo>
                <a:lnTo>
                  <a:pt x="3891" y="1223"/>
                </a:lnTo>
                <a:lnTo>
                  <a:pt x="3892" y="1223"/>
                </a:lnTo>
                <a:lnTo>
                  <a:pt x="3892" y="1167"/>
                </a:lnTo>
                <a:lnTo>
                  <a:pt x="3918" y="1167"/>
                </a:lnTo>
                <a:lnTo>
                  <a:pt x="3918" y="1140"/>
                </a:lnTo>
                <a:lnTo>
                  <a:pt x="3940" y="1140"/>
                </a:lnTo>
                <a:lnTo>
                  <a:pt x="3940" y="892"/>
                </a:lnTo>
                <a:lnTo>
                  <a:pt x="3973" y="892"/>
                </a:lnTo>
                <a:lnTo>
                  <a:pt x="3973" y="820"/>
                </a:lnTo>
                <a:lnTo>
                  <a:pt x="3987" y="820"/>
                </a:lnTo>
                <a:lnTo>
                  <a:pt x="3987" y="732"/>
                </a:lnTo>
                <a:lnTo>
                  <a:pt x="4002" y="732"/>
                </a:lnTo>
                <a:lnTo>
                  <a:pt x="4002" y="643"/>
                </a:lnTo>
                <a:lnTo>
                  <a:pt x="4055" y="643"/>
                </a:lnTo>
                <a:lnTo>
                  <a:pt x="4055" y="478"/>
                </a:lnTo>
                <a:lnTo>
                  <a:pt x="4066" y="478"/>
                </a:lnTo>
                <a:lnTo>
                  <a:pt x="4066" y="456"/>
                </a:lnTo>
                <a:lnTo>
                  <a:pt x="4078" y="456"/>
                </a:lnTo>
                <a:lnTo>
                  <a:pt x="4078" y="301"/>
                </a:lnTo>
                <a:lnTo>
                  <a:pt x="4080" y="301"/>
                </a:lnTo>
                <a:lnTo>
                  <a:pt x="4080" y="262"/>
                </a:lnTo>
                <a:lnTo>
                  <a:pt x="4086" y="262"/>
                </a:lnTo>
                <a:lnTo>
                  <a:pt x="4086" y="257"/>
                </a:lnTo>
                <a:lnTo>
                  <a:pt x="4149" y="257"/>
                </a:lnTo>
                <a:lnTo>
                  <a:pt x="4149" y="0"/>
                </a:lnTo>
                <a:lnTo>
                  <a:pt x="4212" y="0"/>
                </a:lnTo>
              </a:path>
            </a:pathLst>
          </a:custGeom>
          <a:noFill/>
          <a:ln w="38100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48" name="Freeform 45">
            <a:extLst>
              <a:ext uri="{FF2B5EF4-FFF2-40B4-BE49-F238E27FC236}">
                <a16:creationId xmlns:a16="http://schemas.microsoft.com/office/drawing/2014/main" id="{2D3FD306-367F-4EF6-A02F-492D1F834121}"/>
              </a:ext>
            </a:extLst>
          </p:cNvPr>
          <p:cNvSpPr>
            <a:spLocks/>
          </p:cNvSpPr>
          <p:nvPr/>
        </p:nvSpPr>
        <p:spPr bwMode="auto">
          <a:xfrm>
            <a:off x="1055824" y="1966364"/>
            <a:ext cx="4537420" cy="4366270"/>
          </a:xfrm>
          <a:custGeom>
            <a:avLst/>
            <a:gdLst>
              <a:gd name="T0" fmla="*/ 0 w 187"/>
              <a:gd name="T1" fmla="*/ 0 h 3366"/>
              <a:gd name="T2" fmla="*/ 13 w 187"/>
              <a:gd name="T3" fmla="*/ 0 h 3366"/>
              <a:gd name="T4" fmla="*/ 13 w 187"/>
              <a:gd name="T5" fmla="*/ 2573 h 3366"/>
              <a:gd name="T6" fmla="*/ 25 w 187"/>
              <a:gd name="T7" fmla="*/ 2573 h 3366"/>
              <a:gd name="T8" fmla="*/ 25 w 187"/>
              <a:gd name="T9" fmla="*/ 2737 h 3366"/>
              <a:gd name="T10" fmla="*/ 38 w 187"/>
              <a:gd name="T11" fmla="*/ 2737 h 3366"/>
              <a:gd name="T12" fmla="*/ 38 w 187"/>
              <a:gd name="T13" fmla="*/ 2792 h 3366"/>
              <a:gd name="T14" fmla="*/ 42 w 187"/>
              <a:gd name="T15" fmla="*/ 2792 h 3366"/>
              <a:gd name="T16" fmla="*/ 42 w 187"/>
              <a:gd name="T17" fmla="*/ 2902 h 3366"/>
              <a:gd name="T18" fmla="*/ 64 w 187"/>
              <a:gd name="T19" fmla="*/ 2902 h 3366"/>
              <a:gd name="T20" fmla="*/ 64 w 187"/>
              <a:gd name="T21" fmla="*/ 2940 h 3366"/>
              <a:gd name="T22" fmla="*/ 81 w 187"/>
              <a:gd name="T23" fmla="*/ 2940 h 3366"/>
              <a:gd name="T24" fmla="*/ 81 w 187"/>
              <a:gd name="T25" fmla="*/ 3011 h 3366"/>
              <a:gd name="T26" fmla="*/ 95 w 187"/>
              <a:gd name="T27" fmla="*/ 3011 h 3366"/>
              <a:gd name="T28" fmla="*/ 95 w 187"/>
              <a:gd name="T29" fmla="*/ 3093 h 3366"/>
              <a:gd name="T30" fmla="*/ 112 w 187"/>
              <a:gd name="T31" fmla="*/ 3093 h 3366"/>
              <a:gd name="T32" fmla="*/ 112 w 187"/>
              <a:gd name="T33" fmla="*/ 3230 h 3366"/>
              <a:gd name="T34" fmla="*/ 128 w 187"/>
              <a:gd name="T35" fmla="*/ 3230 h 3366"/>
              <a:gd name="T36" fmla="*/ 128 w 187"/>
              <a:gd name="T37" fmla="*/ 3284 h 3366"/>
              <a:gd name="T38" fmla="*/ 178 w 187"/>
              <a:gd name="T39" fmla="*/ 3284 h 3366"/>
              <a:gd name="T40" fmla="*/ 178 w 187"/>
              <a:gd name="T41" fmla="*/ 3339 h 3366"/>
              <a:gd name="T42" fmla="*/ 185 w 187"/>
              <a:gd name="T43" fmla="*/ 3339 h 3366"/>
              <a:gd name="T44" fmla="*/ 0 60000 65536"/>
              <a:gd name="T45" fmla="*/ 0 60000 65536"/>
              <a:gd name="T46" fmla="*/ 0 60000 65536"/>
              <a:gd name="T47" fmla="*/ 0 60000 65536"/>
              <a:gd name="T48" fmla="*/ 0 60000 65536"/>
              <a:gd name="T49" fmla="*/ 0 60000 65536"/>
              <a:gd name="T50" fmla="*/ 0 60000 65536"/>
              <a:gd name="T51" fmla="*/ 0 60000 65536"/>
              <a:gd name="T52" fmla="*/ 0 60000 65536"/>
              <a:gd name="T53" fmla="*/ 0 60000 65536"/>
              <a:gd name="T54" fmla="*/ 0 60000 65536"/>
              <a:gd name="T55" fmla="*/ 0 60000 65536"/>
              <a:gd name="T56" fmla="*/ 0 60000 65536"/>
              <a:gd name="T57" fmla="*/ 0 60000 65536"/>
              <a:gd name="T58" fmla="*/ 0 60000 65536"/>
              <a:gd name="T59" fmla="*/ 0 60000 65536"/>
              <a:gd name="T60" fmla="*/ 0 60000 65536"/>
              <a:gd name="T61" fmla="*/ 0 60000 65536"/>
              <a:gd name="T62" fmla="*/ 0 60000 65536"/>
              <a:gd name="T63" fmla="*/ 0 60000 65536"/>
              <a:gd name="T64" fmla="*/ 0 60000 65536"/>
              <a:gd name="T65" fmla="*/ 0 60000 65536"/>
              <a:gd name="T66" fmla="*/ 0 w 187"/>
              <a:gd name="T67" fmla="*/ 0 h 3366"/>
              <a:gd name="T68" fmla="*/ 187 w 187"/>
              <a:gd name="T69" fmla="*/ 3366 h 3366"/>
              <a:gd name="connsiteX0" fmla="*/ 0 w 160885"/>
              <a:gd name="connsiteY0" fmla="*/ 0 h 10000"/>
              <a:gd name="connsiteX1" fmla="*/ 151580 w 160885"/>
              <a:gd name="connsiteY1" fmla="*/ 0 h 10000"/>
              <a:gd name="connsiteX2" fmla="*/ 151580 w 160885"/>
              <a:gd name="connsiteY2" fmla="*/ 7706 h 10000"/>
              <a:gd name="connsiteX3" fmla="*/ 152222 w 160885"/>
              <a:gd name="connsiteY3" fmla="*/ 7706 h 10000"/>
              <a:gd name="connsiteX4" fmla="*/ 152222 w 160885"/>
              <a:gd name="connsiteY4" fmla="*/ 8197 h 10000"/>
              <a:gd name="connsiteX5" fmla="*/ 152917 w 160885"/>
              <a:gd name="connsiteY5" fmla="*/ 8197 h 10000"/>
              <a:gd name="connsiteX6" fmla="*/ 152917 w 160885"/>
              <a:gd name="connsiteY6" fmla="*/ 8363 h 10000"/>
              <a:gd name="connsiteX7" fmla="*/ 153131 w 160885"/>
              <a:gd name="connsiteY7" fmla="*/ 8363 h 10000"/>
              <a:gd name="connsiteX8" fmla="*/ 153131 w 160885"/>
              <a:gd name="connsiteY8" fmla="*/ 8690 h 10000"/>
              <a:gd name="connsiteX9" fmla="*/ 154361 w 160885"/>
              <a:gd name="connsiteY9" fmla="*/ 8690 h 10000"/>
              <a:gd name="connsiteX10" fmla="*/ 154361 w 160885"/>
              <a:gd name="connsiteY10" fmla="*/ 8806 h 10000"/>
              <a:gd name="connsiteX11" fmla="*/ 155270 w 160885"/>
              <a:gd name="connsiteY11" fmla="*/ 8806 h 10000"/>
              <a:gd name="connsiteX12" fmla="*/ 155270 w 160885"/>
              <a:gd name="connsiteY12" fmla="*/ 9017 h 10000"/>
              <a:gd name="connsiteX13" fmla="*/ 156019 w 160885"/>
              <a:gd name="connsiteY13" fmla="*/ 9017 h 10000"/>
              <a:gd name="connsiteX14" fmla="*/ 156019 w 160885"/>
              <a:gd name="connsiteY14" fmla="*/ 9263 h 10000"/>
              <a:gd name="connsiteX15" fmla="*/ 156928 w 160885"/>
              <a:gd name="connsiteY15" fmla="*/ 9263 h 10000"/>
              <a:gd name="connsiteX16" fmla="*/ 156928 w 160885"/>
              <a:gd name="connsiteY16" fmla="*/ 9673 h 10000"/>
              <a:gd name="connsiteX17" fmla="*/ 157783 w 160885"/>
              <a:gd name="connsiteY17" fmla="*/ 9673 h 10000"/>
              <a:gd name="connsiteX18" fmla="*/ 157783 w 160885"/>
              <a:gd name="connsiteY18" fmla="*/ 9837 h 10000"/>
              <a:gd name="connsiteX19" fmla="*/ 160511 w 160885"/>
              <a:gd name="connsiteY19" fmla="*/ 9837 h 10000"/>
              <a:gd name="connsiteX20" fmla="*/ 160511 w 160885"/>
              <a:gd name="connsiteY20" fmla="*/ 10000 h 10000"/>
              <a:gd name="connsiteX21" fmla="*/ 160885 w 160885"/>
              <a:gd name="connsiteY21" fmla="*/ 10000 h 10000"/>
              <a:gd name="connsiteX0" fmla="*/ 0 w 154498"/>
              <a:gd name="connsiteY0" fmla="*/ 0 h 10027"/>
              <a:gd name="connsiteX1" fmla="*/ 145193 w 154498"/>
              <a:gd name="connsiteY1" fmla="*/ 27 h 10027"/>
              <a:gd name="connsiteX2" fmla="*/ 145193 w 154498"/>
              <a:gd name="connsiteY2" fmla="*/ 7733 h 10027"/>
              <a:gd name="connsiteX3" fmla="*/ 145835 w 154498"/>
              <a:gd name="connsiteY3" fmla="*/ 7733 h 10027"/>
              <a:gd name="connsiteX4" fmla="*/ 145835 w 154498"/>
              <a:gd name="connsiteY4" fmla="*/ 8224 h 10027"/>
              <a:gd name="connsiteX5" fmla="*/ 146530 w 154498"/>
              <a:gd name="connsiteY5" fmla="*/ 8224 h 10027"/>
              <a:gd name="connsiteX6" fmla="*/ 146530 w 154498"/>
              <a:gd name="connsiteY6" fmla="*/ 8390 h 10027"/>
              <a:gd name="connsiteX7" fmla="*/ 146744 w 154498"/>
              <a:gd name="connsiteY7" fmla="*/ 8390 h 10027"/>
              <a:gd name="connsiteX8" fmla="*/ 146744 w 154498"/>
              <a:gd name="connsiteY8" fmla="*/ 8717 h 10027"/>
              <a:gd name="connsiteX9" fmla="*/ 147974 w 154498"/>
              <a:gd name="connsiteY9" fmla="*/ 8717 h 10027"/>
              <a:gd name="connsiteX10" fmla="*/ 147974 w 154498"/>
              <a:gd name="connsiteY10" fmla="*/ 8833 h 10027"/>
              <a:gd name="connsiteX11" fmla="*/ 148883 w 154498"/>
              <a:gd name="connsiteY11" fmla="*/ 8833 h 10027"/>
              <a:gd name="connsiteX12" fmla="*/ 148883 w 154498"/>
              <a:gd name="connsiteY12" fmla="*/ 9044 h 10027"/>
              <a:gd name="connsiteX13" fmla="*/ 149632 w 154498"/>
              <a:gd name="connsiteY13" fmla="*/ 9044 h 10027"/>
              <a:gd name="connsiteX14" fmla="*/ 149632 w 154498"/>
              <a:gd name="connsiteY14" fmla="*/ 9290 h 10027"/>
              <a:gd name="connsiteX15" fmla="*/ 150541 w 154498"/>
              <a:gd name="connsiteY15" fmla="*/ 9290 h 10027"/>
              <a:gd name="connsiteX16" fmla="*/ 150541 w 154498"/>
              <a:gd name="connsiteY16" fmla="*/ 9700 h 10027"/>
              <a:gd name="connsiteX17" fmla="*/ 151396 w 154498"/>
              <a:gd name="connsiteY17" fmla="*/ 9700 h 10027"/>
              <a:gd name="connsiteX18" fmla="*/ 151396 w 154498"/>
              <a:gd name="connsiteY18" fmla="*/ 9864 h 10027"/>
              <a:gd name="connsiteX19" fmla="*/ 154124 w 154498"/>
              <a:gd name="connsiteY19" fmla="*/ 9864 h 10027"/>
              <a:gd name="connsiteX20" fmla="*/ 154124 w 154498"/>
              <a:gd name="connsiteY20" fmla="*/ 10027 h 10027"/>
              <a:gd name="connsiteX21" fmla="*/ 154498 w 154498"/>
              <a:gd name="connsiteY21" fmla="*/ 10027 h 1002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54498" h="10027">
                <a:moveTo>
                  <a:pt x="0" y="0"/>
                </a:moveTo>
                <a:lnTo>
                  <a:pt x="145193" y="27"/>
                </a:lnTo>
                <a:lnTo>
                  <a:pt x="145193" y="7733"/>
                </a:lnTo>
                <a:lnTo>
                  <a:pt x="145835" y="7733"/>
                </a:lnTo>
                <a:lnTo>
                  <a:pt x="145835" y="8224"/>
                </a:lnTo>
                <a:lnTo>
                  <a:pt x="146530" y="8224"/>
                </a:lnTo>
                <a:lnTo>
                  <a:pt x="146530" y="8390"/>
                </a:lnTo>
                <a:lnTo>
                  <a:pt x="146744" y="8390"/>
                </a:lnTo>
                <a:lnTo>
                  <a:pt x="146744" y="8717"/>
                </a:lnTo>
                <a:lnTo>
                  <a:pt x="147974" y="8717"/>
                </a:lnTo>
                <a:lnTo>
                  <a:pt x="147974" y="8833"/>
                </a:lnTo>
                <a:lnTo>
                  <a:pt x="148883" y="8833"/>
                </a:lnTo>
                <a:lnTo>
                  <a:pt x="148883" y="9044"/>
                </a:lnTo>
                <a:lnTo>
                  <a:pt x="149632" y="9044"/>
                </a:lnTo>
                <a:lnTo>
                  <a:pt x="149632" y="9290"/>
                </a:lnTo>
                <a:lnTo>
                  <a:pt x="150541" y="9290"/>
                </a:lnTo>
                <a:lnTo>
                  <a:pt x="150541" y="9700"/>
                </a:lnTo>
                <a:lnTo>
                  <a:pt x="151396" y="9700"/>
                </a:lnTo>
                <a:lnTo>
                  <a:pt x="151396" y="9864"/>
                </a:lnTo>
                <a:lnTo>
                  <a:pt x="154124" y="9864"/>
                </a:lnTo>
                <a:lnTo>
                  <a:pt x="154124" y="10027"/>
                </a:lnTo>
                <a:lnTo>
                  <a:pt x="154498" y="10027"/>
                </a:lnTo>
              </a:path>
            </a:pathLst>
          </a:custGeom>
          <a:noFill/>
          <a:ln w="38100">
            <a:solidFill>
              <a:srgbClr val="FF00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84" name="Freeform 81">
            <a:extLst>
              <a:ext uri="{FF2B5EF4-FFF2-40B4-BE49-F238E27FC236}">
                <a16:creationId xmlns:a16="http://schemas.microsoft.com/office/drawing/2014/main" id="{897F416B-1198-4DC0-9382-4B1F7DAB7E8D}"/>
              </a:ext>
            </a:extLst>
          </p:cNvPr>
          <p:cNvSpPr>
            <a:spLocks noEditPoints="1"/>
          </p:cNvSpPr>
          <p:nvPr/>
        </p:nvSpPr>
        <p:spPr bwMode="auto">
          <a:xfrm>
            <a:off x="4389794" y="2636933"/>
            <a:ext cx="1404938" cy="79375"/>
          </a:xfrm>
          <a:custGeom>
            <a:avLst/>
            <a:gdLst>
              <a:gd name="T0" fmla="*/ 0 w 1771"/>
              <a:gd name="T1" fmla="*/ 17 h 99"/>
              <a:gd name="T2" fmla="*/ 844 w 1771"/>
              <a:gd name="T3" fmla="*/ 20 h 99"/>
              <a:gd name="T4" fmla="*/ 844 w 1771"/>
              <a:gd name="T5" fmla="*/ 31 h 99"/>
              <a:gd name="T6" fmla="*/ 0 w 1771"/>
              <a:gd name="T7" fmla="*/ 28 h 99"/>
              <a:gd name="T8" fmla="*/ 0 w 1771"/>
              <a:gd name="T9" fmla="*/ 17 h 99"/>
              <a:gd name="T10" fmla="*/ 836 w 1771"/>
              <a:gd name="T11" fmla="*/ 0 h 99"/>
              <a:gd name="T12" fmla="*/ 885 w 1771"/>
              <a:gd name="T13" fmla="*/ 26 h 99"/>
              <a:gd name="T14" fmla="*/ 836 w 1771"/>
              <a:gd name="T15" fmla="*/ 50 h 99"/>
              <a:gd name="T16" fmla="*/ 836 w 1771"/>
              <a:gd name="T17" fmla="*/ 0 h 99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0 60000 65536"/>
              <a:gd name="T25" fmla="*/ 0 60000 65536"/>
              <a:gd name="T26" fmla="*/ 0 60000 65536"/>
              <a:gd name="T27" fmla="*/ 0 w 1771"/>
              <a:gd name="T28" fmla="*/ 0 h 99"/>
              <a:gd name="T29" fmla="*/ 1771 w 1771"/>
              <a:gd name="T30" fmla="*/ 99 h 99"/>
            </a:gdLst>
            <a:ahLst/>
            <a:cxnLst>
              <a:cxn ang="T18">
                <a:pos x="T0" y="T1"/>
              </a:cxn>
              <a:cxn ang="T19">
                <a:pos x="T2" y="T3"/>
              </a:cxn>
              <a:cxn ang="T20">
                <a:pos x="T4" y="T5"/>
              </a:cxn>
              <a:cxn ang="T21">
                <a:pos x="T6" y="T7"/>
              </a:cxn>
              <a:cxn ang="T22">
                <a:pos x="T8" y="T9"/>
              </a:cxn>
              <a:cxn ang="T23">
                <a:pos x="T10" y="T11"/>
              </a:cxn>
              <a:cxn ang="T24">
                <a:pos x="T12" y="T13"/>
              </a:cxn>
              <a:cxn ang="T25">
                <a:pos x="T14" y="T15"/>
              </a:cxn>
              <a:cxn ang="T26">
                <a:pos x="T16" y="T17"/>
              </a:cxn>
            </a:cxnLst>
            <a:rect l="T27" t="T28" r="T29" b="T30"/>
            <a:pathLst>
              <a:path w="1771" h="99">
                <a:moveTo>
                  <a:pt x="0" y="34"/>
                </a:moveTo>
                <a:lnTo>
                  <a:pt x="1688" y="39"/>
                </a:lnTo>
                <a:lnTo>
                  <a:pt x="1688" y="61"/>
                </a:lnTo>
                <a:lnTo>
                  <a:pt x="0" y="55"/>
                </a:lnTo>
                <a:lnTo>
                  <a:pt x="0" y="34"/>
                </a:lnTo>
                <a:close/>
                <a:moveTo>
                  <a:pt x="1672" y="0"/>
                </a:moveTo>
                <a:lnTo>
                  <a:pt x="1771" y="51"/>
                </a:lnTo>
                <a:lnTo>
                  <a:pt x="1672" y="99"/>
                </a:lnTo>
                <a:lnTo>
                  <a:pt x="1672" y="0"/>
                </a:lnTo>
                <a:close/>
              </a:path>
            </a:pathLst>
          </a:custGeom>
          <a:solidFill>
            <a:srgbClr val="0000FF"/>
          </a:solidFill>
          <a:ln w="1588">
            <a:solidFill>
              <a:srgbClr val="0000FF"/>
            </a:solidFill>
            <a:prstDash val="solid"/>
            <a:round/>
            <a:headEnd/>
            <a:tailEnd/>
          </a:ln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87" name="Rectangle 84">
            <a:extLst>
              <a:ext uri="{FF2B5EF4-FFF2-40B4-BE49-F238E27FC236}">
                <a16:creationId xmlns:a16="http://schemas.microsoft.com/office/drawing/2014/main" id="{64869CE9-A8CE-45B0-A171-D9AF10712CE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595919" y="2444846"/>
            <a:ext cx="1720850" cy="230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algn="l">
              <a:spcBef>
                <a:spcPct val="20000"/>
              </a:spcBef>
              <a:buClr>
                <a:schemeClr val="accent2"/>
              </a:buClr>
              <a:buFont typeface="Wingdings" panose="05000000000000000000" pitchFamily="2" charset="2"/>
              <a:buChar char="n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l">
              <a:spcBef>
                <a:spcPct val="20000"/>
              </a:spcBef>
              <a:buSzPct val="9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l">
              <a:spcBef>
                <a:spcPct val="20000"/>
              </a:spcBef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ctr" defTabSz="914263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nb-NO" sz="1500" b="1" i="0" u="none" strike="noStrike" kern="0" cap="none" spc="0" normalizeH="0" baseline="0" noProof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Demand</a:t>
            </a:r>
            <a:r>
              <a:rPr kumimoji="0" lang="nb-NO" altLang="nb-NO" sz="1500" b="1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 </a:t>
            </a:r>
            <a:r>
              <a:rPr kumimoji="0" lang="nb-NO" altLang="nb-NO" sz="1500" b="1" i="0" u="none" strike="noStrike" kern="0" cap="none" spc="0" normalizeH="0" baseline="0" noProof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Curve</a:t>
            </a:r>
            <a:r>
              <a:rPr kumimoji="0" lang="nb-NO" altLang="nb-NO" sz="1500" b="1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 for </a:t>
            </a:r>
            <a:endParaRPr kumimoji="0" lang="nb-NO" altLang="nb-NO" sz="2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</a:endParaRPr>
          </a:p>
        </p:txBody>
      </p:sp>
      <p:sp>
        <p:nvSpPr>
          <p:cNvPr id="88" name="Rectangle 85">
            <a:extLst>
              <a:ext uri="{FF2B5EF4-FFF2-40B4-BE49-F238E27FC236}">
                <a16:creationId xmlns:a16="http://schemas.microsoft.com/office/drawing/2014/main" id="{BF8ECFA5-422C-479D-9D30-4127A5041236}"/>
              </a:ext>
            </a:extLst>
          </p:cNvPr>
          <p:cNvSpPr>
            <a:spLocks noChangeArrowheads="1"/>
          </p:cNvSpPr>
          <p:nvPr/>
        </p:nvSpPr>
        <p:spPr bwMode="auto">
          <a:xfrm>
            <a:off x="2651082" y="2675033"/>
            <a:ext cx="1559722" cy="2308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algn="l">
              <a:spcBef>
                <a:spcPct val="20000"/>
              </a:spcBef>
              <a:buClr>
                <a:schemeClr val="accent2"/>
              </a:buClr>
              <a:buFont typeface="Wingdings" panose="05000000000000000000" pitchFamily="2" charset="2"/>
              <a:buChar char="n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l">
              <a:spcBef>
                <a:spcPct val="20000"/>
              </a:spcBef>
              <a:buSzPct val="9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l">
              <a:spcBef>
                <a:spcPct val="20000"/>
              </a:spcBef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ctr" defTabSz="914263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nb-NO" sz="1500" b="1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Nordic </a:t>
            </a:r>
            <a:r>
              <a:rPr kumimoji="0" lang="nb-NO" altLang="nb-NO" sz="1500" b="1" i="0" u="none" strike="noStrike" kern="0" cap="none" spc="0" normalizeH="0" baseline="0" noProof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Countries</a:t>
            </a:r>
            <a:endParaRPr kumimoji="0" lang="nb-NO" altLang="nb-NO" sz="2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</a:endParaRPr>
          </a:p>
        </p:txBody>
      </p:sp>
      <p:sp>
        <p:nvSpPr>
          <p:cNvPr id="91" name="Rectangle 88">
            <a:extLst>
              <a:ext uri="{FF2B5EF4-FFF2-40B4-BE49-F238E27FC236}">
                <a16:creationId xmlns:a16="http://schemas.microsoft.com/office/drawing/2014/main" id="{7916A18A-53C5-4BBB-940F-22DF065BBA52}"/>
              </a:ext>
            </a:extLst>
          </p:cNvPr>
          <p:cNvSpPr>
            <a:spLocks noChangeArrowheads="1"/>
          </p:cNvSpPr>
          <p:nvPr/>
        </p:nvSpPr>
        <p:spPr bwMode="auto">
          <a:xfrm>
            <a:off x="7582515" y="5004942"/>
            <a:ext cx="1120775" cy="230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algn="l">
              <a:spcBef>
                <a:spcPct val="20000"/>
              </a:spcBef>
              <a:buClr>
                <a:schemeClr val="accent2"/>
              </a:buClr>
              <a:buFont typeface="Wingdings" panose="05000000000000000000" pitchFamily="2" charset="2"/>
              <a:buChar char="n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l">
              <a:spcBef>
                <a:spcPct val="20000"/>
              </a:spcBef>
              <a:buSzPct val="9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l">
              <a:spcBef>
                <a:spcPct val="20000"/>
              </a:spcBef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ctr" defTabSz="914263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nb-NO" sz="1500" b="1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Normal </a:t>
            </a:r>
            <a:r>
              <a:rPr kumimoji="0" lang="nb-NO" altLang="nb-NO" sz="1500" b="1" i="0" u="none" strike="noStrike" kern="0" cap="none" spc="0" normalizeH="0" baseline="0" noProof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Year</a:t>
            </a:r>
            <a:endParaRPr kumimoji="0" lang="nb-NO" altLang="nb-NO" sz="2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</a:endParaRPr>
          </a:p>
        </p:txBody>
      </p:sp>
      <p:sp>
        <p:nvSpPr>
          <p:cNvPr id="94" name="Rectangle 91">
            <a:extLst>
              <a:ext uri="{FF2B5EF4-FFF2-40B4-BE49-F238E27FC236}">
                <a16:creationId xmlns:a16="http://schemas.microsoft.com/office/drawing/2014/main" id="{7255C890-BB53-44D4-BAF3-9821FBD53983}"/>
              </a:ext>
            </a:extLst>
          </p:cNvPr>
          <p:cNvSpPr>
            <a:spLocks noChangeArrowheads="1"/>
          </p:cNvSpPr>
          <p:nvPr/>
        </p:nvSpPr>
        <p:spPr bwMode="auto">
          <a:xfrm>
            <a:off x="8112774" y="3922808"/>
            <a:ext cx="815975" cy="228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algn="l">
              <a:spcBef>
                <a:spcPct val="20000"/>
              </a:spcBef>
              <a:buClr>
                <a:schemeClr val="accent2"/>
              </a:buClr>
              <a:buFont typeface="Wingdings" panose="05000000000000000000" pitchFamily="2" charset="2"/>
              <a:buChar char="n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l">
              <a:spcBef>
                <a:spcPct val="20000"/>
              </a:spcBef>
              <a:buSzPct val="9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l">
              <a:spcBef>
                <a:spcPct val="20000"/>
              </a:spcBef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ctr" defTabSz="914263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nb-NO" sz="1500" b="1" i="0" u="none" strike="noStrike" kern="0" cap="none" spc="0" normalizeH="0" baseline="0" noProof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Wet</a:t>
            </a:r>
            <a:r>
              <a:rPr kumimoji="0" lang="nb-NO" altLang="nb-NO" sz="1500" b="1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 </a:t>
            </a:r>
            <a:r>
              <a:rPr kumimoji="0" lang="nb-NO" altLang="nb-NO" sz="1500" b="1" i="0" u="none" strike="noStrike" kern="0" cap="none" spc="0" normalizeH="0" baseline="0" noProof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Year</a:t>
            </a:r>
            <a:endParaRPr kumimoji="0" lang="nb-NO" altLang="nb-NO" sz="2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</a:endParaRPr>
          </a:p>
        </p:txBody>
      </p:sp>
      <p:sp>
        <p:nvSpPr>
          <p:cNvPr id="97" name="Rectangle 94">
            <a:extLst>
              <a:ext uri="{FF2B5EF4-FFF2-40B4-BE49-F238E27FC236}">
                <a16:creationId xmlns:a16="http://schemas.microsoft.com/office/drawing/2014/main" id="{0227735E-058F-46D7-919F-D23D35BF34FF}"/>
              </a:ext>
            </a:extLst>
          </p:cNvPr>
          <p:cNvSpPr>
            <a:spLocks noChangeArrowheads="1"/>
          </p:cNvSpPr>
          <p:nvPr/>
        </p:nvSpPr>
        <p:spPr bwMode="auto">
          <a:xfrm>
            <a:off x="4158019" y="3346378"/>
            <a:ext cx="779463" cy="230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algn="l">
              <a:spcBef>
                <a:spcPct val="20000"/>
              </a:spcBef>
              <a:buClr>
                <a:schemeClr val="accent2"/>
              </a:buClr>
              <a:buFont typeface="Wingdings" panose="05000000000000000000" pitchFamily="2" charset="2"/>
              <a:buChar char="n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l">
              <a:spcBef>
                <a:spcPct val="20000"/>
              </a:spcBef>
              <a:buSzPct val="9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l">
              <a:spcBef>
                <a:spcPct val="20000"/>
              </a:spcBef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ctr" defTabSz="914263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nb-NO" sz="1500" b="1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Dry </a:t>
            </a:r>
            <a:r>
              <a:rPr kumimoji="0" lang="nb-NO" altLang="nb-NO" sz="1500" b="1" i="0" u="none" strike="noStrike" kern="0" cap="none" spc="0" normalizeH="0" baseline="0" noProof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Year</a:t>
            </a:r>
            <a:endParaRPr kumimoji="0" lang="nb-NO" altLang="nb-NO" sz="2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</a:endParaRPr>
          </a:p>
        </p:txBody>
      </p:sp>
      <p:sp>
        <p:nvSpPr>
          <p:cNvPr id="98" name="Freeform 95">
            <a:extLst>
              <a:ext uri="{FF2B5EF4-FFF2-40B4-BE49-F238E27FC236}">
                <a16:creationId xmlns:a16="http://schemas.microsoft.com/office/drawing/2014/main" id="{625CA2FF-9B00-4BC2-9F35-B2249C1C276A}"/>
              </a:ext>
            </a:extLst>
          </p:cNvPr>
          <p:cNvSpPr>
            <a:spLocks noEditPoints="1"/>
          </p:cNvSpPr>
          <p:nvPr/>
        </p:nvSpPr>
        <p:spPr bwMode="auto">
          <a:xfrm>
            <a:off x="5018383" y="3437156"/>
            <a:ext cx="1420874" cy="105476"/>
          </a:xfrm>
          <a:custGeom>
            <a:avLst/>
            <a:gdLst>
              <a:gd name="T0" fmla="*/ 0 w 1298"/>
              <a:gd name="T1" fmla="*/ 17 h 99"/>
              <a:gd name="T2" fmla="*/ 607 w 1298"/>
              <a:gd name="T3" fmla="*/ 17 h 99"/>
              <a:gd name="T4" fmla="*/ 607 w 1298"/>
              <a:gd name="T5" fmla="*/ 31 h 99"/>
              <a:gd name="T6" fmla="*/ 0 w 1298"/>
              <a:gd name="T7" fmla="*/ 31 h 99"/>
              <a:gd name="T8" fmla="*/ 0 w 1298"/>
              <a:gd name="T9" fmla="*/ 17 h 99"/>
              <a:gd name="T10" fmla="*/ 600 w 1298"/>
              <a:gd name="T11" fmla="*/ 0 h 99"/>
              <a:gd name="T12" fmla="*/ 649 w 1298"/>
              <a:gd name="T13" fmla="*/ 24 h 99"/>
              <a:gd name="T14" fmla="*/ 600 w 1298"/>
              <a:gd name="T15" fmla="*/ 49 h 99"/>
              <a:gd name="T16" fmla="*/ 600 w 1298"/>
              <a:gd name="T17" fmla="*/ 0 h 99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0 60000 65536"/>
              <a:gd name="T25" fmla="*/ 0 60000 65536"/>
              <a:gd name="T26" fmla="*/ 0 60000 65536"/>
              <a:gd name="T27" fmla="*/ 0 w 1298"/>
              <a:gd name="T28" fmla="*/ 0 h 99"/>
              <a:gd name="T29" fmla="*/ 1298 w 1298"/>
              <a:gd name="T30" fmla="*/ 99 h 99"/>
            </a:gdLst>
            <a:ahLst/>
            <a:cxnLst>
              <a:cxn ang="T18">
                <a:pos x="T0" y="T1"/>
              </a:cxn>
              <a:cxn ang="T19">
                <a:pos x="T2" y="T3"/>
              </a:cxn>
              <a:cxn ang="T20">
                <a:pos x="T4" y="T5"/>
              </a:cxn>
              <a:cxn ang="T21">
                <a:pos x="T6" y="T7"/>
              </a:cxn>
              <a:cxn ang="T22">
                <a:pos x="T8" y="T9"/>
              </a:cxn>
              <a:cxn ang="T23">
                <a:pos x="T10" y="T11"/>
              </a:cxn>
              <a:cxn ang="T24">
                <a:pos x="T12" y="T13"/>
              </a:cxn>
              <a:cxn ang="T25">
                <a:pos x="T14" y="T15"/>
              </a:cxn>
              <a:cxn ang="T26">
                <a:pos x="T16" y="T17"/>
              </a:cxn>
            </a:cxnLst>
            <a:rect l="T27" t="T28" r="T29" b="T30"/>
            <a:pathLst>
              <a:path w="1298" h="99">
                <a:moveTo>
                  <a:pt x="0" y="34"/>
                </a:moveTo>
                <a:lnTo>
                  <a:pt x="1214" y="34"/>
                </a:lnTo>
                <a:lnTo>
                  <a:pt x="1214" y="63"/>
                </a:lnTo>
                <a:lnTo>
                  <a:pt x="0" y="63"/>
                </a:lnTo>
                <a:lnTo>
                  <a:pt x="0" y="34"/>
                </a:lnTo>
                <a:close/>
                <a:moveTo>
                  <a:pt x="1199" y="0"/>
                </a:moveTo>
                <a:lnTo>
                  <a:pt x="1298" y="49"/>
                </a:lnTo>
                <a:lnTo>
                  <a:pt x="1199" y="99"/>
                </a:lnTo>
                <a:lnTo>
                  <a:pt x="1199" y="0"/>
                </a:lnTo>
                <a:close/>
              </a:path>
            </a:pathLst>
          </a:custGeom>
          <a:solidFill>
            <a:srgbClr val="00FF00"/>
          </a:solidFill>
          <a:ln w="1588">
            <a:solidFill>
              <a:srgbClr val="00FF00"/>
            </a:solidFill>
            <a:prstDash val="solid"/>
            <a:round/>
            <a:headEnd/>
            <a:tailEnd/>
          </a:ln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99" name="Freeform 96">
            <a:extLst>
              <a:ext uri="{FF2B5EF4-FFF2-40B4-BE49-F238E27FC236}">
                <a16:creationId xmlns:a16="http://schemas.microsoft.com/office/drawing/2014/main" id="{BA188A32-0099-45BC-AF60-CB781A75B8B3}"/>
              </a:ext>
            </a:extLst>
          </p:cNvPr>
          <p:cNvSpPr>
            <a:spLocks noEditPoints="1"/>
          </p:cNvSpPr>
          <p:nvPr/>
        </p:nvSpPr>
        <p:spPr bwMode="auto">
          <a:xfrm>
            <a:off x="6689251" y="5076637"/>
            <a:ext cx="828675" cy="79375"/>
          </a:xfrm>
          <a:custGeom>
            <a:avLst/>
            <a:gdLst>
              <a:gd name="T0" fmla="*/ 522 w 1043"/>
              <a:gd name="T1" fmla="*/ 32 h 99"/>
              <a:gd name="T2" fmla="*/ 41 w 1043"/>
              <a:gd name="T3" fmla="*/ 32 h 99"/>
              <a:gd name="T4" fmla="*/ 41 w 1043"/>
              <a:gd name="T5" fmla="*/ 17 h 99"/>
              <a:gd name="T6" fmla="*/ 522 w 1043"/>
              <a:gd name="T7" fmla="*/ 17 h 99"/>
              <a:gd name="T8" fmla="*/ 522 w 1043"/>
              <a:gd name="T9" fmla="*/ 32 h 99"/>
              <a:gd name="T10" fmla="*/ 50 w 1043"/>
              <a:gd name="T11" fmla="*/ 50 h 99"/>
              <a:gd name="T12" fmla="*/ 0 w 1043"/>
              <a:gd name="T13" fmla="*/ 25 h 99"/>
              <a:gd name="T14" fmla="*/ 50 w 1043"/>
              <a:gd name="T15" fmla="*/ 0 h 99"/>
              <a:gd name="T16" fmla="*/ 50 w 1043"/>
              <a:gd name="T17" fmla="*/ 50 h 99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0 60000 65536"/>
              <a:gd name="T25" fmla="*/ 0 60000 65536"/>
              <a:gd name="T26" fmla="*/ 0 60000 65536"/>
              <a:gd name="T27" fmla="*/ 0 w 1043"/>
              <a:gd name="T28" fmla="*/ 0 h 99"/>
              <a:gd name="T29" fmla="*/ 1043 w 1043"/>
              <a:gd name="T30" fmla="*/ 99 h 99"/>
            </a:gdLst>
            <a:ahLst/>
            <a:cxnLst>
              <a:cxn ang="T18">
                <a:pos x="T0" y="T1"/>
              </a:cxn>
              <a:cxn ang="T19">
                <a:pos x="T2" y="T3"/>
              </a:cxn>
              <a:cxn ang="T20">
                <a:pos x="T4" y="T5"/>
              </a:cxn>
              <a:cxn ang="T21">
                <a:pos x="T6" y="T7"/>
              </a:cxn>
              <a:cxn ang="T22">
                <a:pos x="T8" y="T9"/>
              </a:cxn>
              <a:cxn ang="T23">
                <a:pos x="T10" y="T11"/>
              </a:cxn>
              <a:cxn ang="T24">
                <a:pos x="T12" y="T13"/>
              </a:cxn>
              <a:cxn ang="T25">
                <a:pos x="T14" y="T15"/>
              </a:cxn>
              <a:cxn ang="T26">
                <a:pos x="T16" y="T17"/>
              </a:cxn>
            </a:cxnLst>
            <a:rect l="T27" t="T28" r="T29" b="T30"/>
            <a:pathLst>
              <a:path w="1043" h="99">
                <a:moveTo>
                  <a:pt x="1043" y="63"/>
                </a:moveTo>
                <a:lnTo>
                  <a:pt x="81" y="63"/>
                </a:lnTo>
                <a:lnTo>
                  <a:pt x="81" y="34"/>
                </a:lnTo>
                <a:lnTo>
                  <a:pt x="1043" y="34"/>
                </a:lnTo>
                <a:lnTo>
                  <a:pt x="1043" y="63"/>
                </a:lnTo>
                <a:close/>
                <a:moveTo>
                  <a:pt x="99" y="99"/>
                </a:moveTo>
                <a:lnTo>
                  <a:pt x="0" y="49"/>
                </a:lnTo>
                <a:lnTo>
                  <a:pt x="99" y="0"/>
                </a:lnTo>
                <a:lnTo>
                  <a:pt x="99" y="99"/>
                </a:lnTo>
                <a:close/>
              </a:path>
            </a:pathLst>
          </a:custGeom>
          <a:solidFill>
            <a:srgbClr val="FF0000"/>
          </a:solidFill>
          <a:ln w="1588">
            <a:solidFill>
              <a:srgbClr val="FF0000"/>
            </a:solidFill>
            <a:prstDash val="solid"/>
            <a:round/>
            <a:headEnd/>
            <a:tailEnd/>
          </a:ln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100" name="Freeform 97">
            <a:extLst>
              <a:ext uri="{FF2B5EF4-FFF2-40B4-BE49-F238E27FC236}">
                <a16:creationId xmlns:a16="http://schemas.microsoft.com/office/drawing/2014/main" id="{2D0CE641-F3C8-4690-8362-DADB0069EDE4}"/>
              </a:ext>
            </a:extLst>
          </p:cNvPr>
          <p:cNvSpPr>
            <a:spLocks noEditPoints="1"/>
          </p:cNvSpPr>
          <p:nvPr/>
        </p:nvSpPr>
        <p:spPr bwMode="auto">
          <a:xfrm>
            <a:off x="7421919" y="3997421"/>
            <a:ext cx="614363" cy="79375"/>
          </a:xfrm>
          <a:custGeom>
            <a:avLst/>
            <a:gdLst>
              <a:gd name="T0" fmla="*/ 387 w 774"/>
              <a:gd name="T1" fmla="*/ 32 h 99"/>
              <a:gd name="T2" fmla="*/ 41 w 774"/>
              <a:gd name="T3" fmla="*/ 32 h 99"/>
              <a:gd name="T4" fmla="*/ 41 w 774"/>
              <a:gd name="T5" fmla="*/ 17 h 99"/>
              <a:gd name="T6" fmla="*/ 387 w 774"/>
              <a:gd name="T7" fmla="*/ 17 h 99"/>
              <a:gd name="T8" fmla="*/ 387 w 774"/>
              <a:gd name="T9" fmla="*/ 32 h 99"/>
              <a:gd name="T10" fmla="*/ 50 w 774"/>
              <a:gd name="T11" fmla="*/ 50 h 99"/>
              <a:gd name="T12" fmla="*/ 0 w 774"/>
              <a:gd name="T13" fmla="*/ 25 h 99"/>
              <a:gd name="T14" fmla="*/ 50 w 774"/>
              <a:gd name="T15" fmla="*/ 0 h 99"/>
              <a:gd name="T16" fmla="*/ 50 w 774"/>
              <a:gd name="T17" fmla="*/ 50 h 99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0 60000 65536"/>
              <a:gd name="T25" fmla="*/ 0 60000 65536"/>
              <a:gd name="T26" fmla="*/ 0 60000 65536"/>
              <a:gd name="T27" fmla="*/ 0 w 774"/>
              <a:gd name="T28" fmla="*/ 0 h 99"/>
              <a:gd name="T29" fmla="*/ 774 w 774"/>
              <a:gd name="T30" fmla="*/ 99 h 99"/>
            </a:gdLst>
            <a:ahLst/>
            <a:cxnLst>
              <a:cxn ang="T18">
                <a:pos x="T0" y="T1"/>
              </a:cxn>
              <a:cxn ang="T19">
                <a:pos x="T2" y="T3"/>
              </a:cxn>
              <a:cxn ang="T20">
                <a:pos x="T4" y="T5"/>
              </a:cxn>
              <a:cxn ang="T21">
                <a:pos x="T6" y="T7"/>
              </a:cxn>
              <a:cxn ang="T22">
                <a:pos x="T8" y="T9"/>
              </a:cxn>
              <a:cxn ang="T23">
                <a:pos x="T10" y="T11"/>
              </a:cxn>
              <a:cxn ang="T24">
                <a:pos x="T12" y="T13"/>
              </a:cxn>
              <a:cxn ang="T25">
                <a:pos x="T14" y="T15"/>
              </a:cxn>
              <a:cxn ang="T26">
                <a:pos x="T16" y="T17"/>
              </a:cxn>
            </a:cxnLst>
            <a:rect l="T27" t="T28" r="T29" b="T30"/>
            <a:pathLst>
              <a:path w="774" h="99">
                <a:moveTo>
                  <a:pt x="774" y="63"/>
                </a:moveTo>
                <a:lnTo>
                  <a:pt x="82" y="63"/>
                </a:lnTo>
                <a:lnTo>
                  <a:pt x="82" y="33"/>
                </a:lnTo>
                <a:lnTo>
                  <a:pt x="774" y="33"/>
                </a:lnTo>
                <a:lnTo>
                  <a:pt x="774" y="63"/>
                </a:lnTo>
                <a:close/>
                <a:moveTo>
                  <a:pt x="100" y="99"/>
                </a:moveTo>
                <a:lnTo>
                  <a:pt x="0" y="49"/>
                </a:lnTo>
                <a:lnTo>
                  <a:pt x="100" y="0"/>
                </a:lnTo>
                <a:lnTo>
                  <a:pt x="100" y="99"/>
                </a:lnTo>
                <a:close/>
              </a:path>
            </a:pathLst>
          </a:custGeom>
          <a:solidFill>
            <a:srgbClr val="000000"/>
          </a:solidFill>
          <a:ln w="1588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103" name="Rectangle 100">
            <a:extLst>
              <a:ext uri="{FF2B5EF4-FFF2-40B4-BE49-F238E27FC236}">
                <a16:creationId xmlns:a16="http://schemas.microsoft.com/office/drawing/2014/main" id="{0DA83CD1-5FA6-408C-A7E5-5914B5D42F6C}"/>
              </a:ext>
            </a:extLst>
          </p:cNvPr>
          <p:cNvSpPr>
            <a:spLocks noChangeArrowheads="1"/>
          </p:cNvSpPr>
          <p:nvPr/>
        </p:nvSpPr>
        <p:spPr bwMode="auto">
          <a:xfrm>
            <a:off x="3241056" y="4200621"/>
            <a:ext cx="1147763" cy="230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algn="l">
              <a:spcBef>
                <a:spcPct val="20000"/>
              </a:spcBef>
              <a:buClr>
                <a:schemeClr val="accent2"/>
              </a:buClr>
              <a:buFont typeface="Wingdings" panose="05000000000000000000" pitchFamily="2" charset="2"/>
              <a:buChar char="n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l">
              <a:spcBef>
                <a:spcPct val="20000"/>
              </a:spcBef>
              <a:buSzPct val="9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l">
              <a:spcBef>
                <a:spcPct val="20000"/>
              </a:spcBef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ctr" defTabSz="914263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nb-NO" sz="1500" b="1" i="0" u="none" strike="noStrike" kern="0" cap="none" spc="0" normalizeH="0" baseline="0" noProof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Warm</a:t>
            </a:r>
            <a:r>
              <a:rPr kumimoji="0" lang="nb-NO" altLang="nb-NO" sz="1500" b="1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 </a:t>
            </a:r>
            <a:r>
              <a:rPr kumimoji="0" lang="nb-NO" altLang="nb-NO" sz="1500" b="1" i="0" u="none" strike="noStrike" kern="0" cap="none" spc="0" normalizeH="0" baseline="0" noProof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winter</a:t>
            </a:r>
            <a:endParaRPr kumimoji="0" lang="nb-NO" altLang="nb-NO" sz="2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</a:endParaRPr>
          </a:p>
        </p:txBody>
      </p:sp>
      <p:sp>
        <p:nvSpPr>
          <p:cNvPr id="104" name="Freeform 101">
            <a:extLst>
              <a:ext uri="{FF2B5EF4-FFF2-40B4-BE49-F238E27FC236}">
                <a16:creationId xmlns:a16="http://schemas.microsoft.com/office/drawing/2014/main" id="{0085A53B-94E0-41E4-8D4A-D9D6535F6AD1}"/>
              </a:ext>
            </a:extLst>
          </p:cNvPr>
          <p:cNvSpPr>
            <a:spLocks noEditPoints="1"/>
          </p:cNvSpPr>
          <p:nvPr/>
        </p:nvSpPr>
        <p:spPr bwMode="auto">
          <a:xfrm>
            <a:off x="4422156" y="4285369"/>
            <a:ext cx="893763" cy="77788"/>
          </a:xfrm>
          <a:custGeom>
            <a:avLst/>
            <a:gdLst>
              <a:gd name="T0" fmla="*/ 0 w 1126"/>
              <a:gd name="T1" fmla="*/ 14 h 99"/>
              <a:gd name="T2" fmla="*/ 522 w 1126"/>
              <a:gd name="T3" fmla="*/ 17 h 99"/>
              <a:gd name="T4" fmla="*/ 522 w 1126"/>
              <a:gd name="T5" fmla="*/ 32 h 99"/>
              <a:gd name="T6" fmla="*/ 0 w 1126"/>
              <a:gd name="T7" fmla="*/ 29 h 99"/>
              <a:gd name="T8" fmla="*/ 0 w 1126"/>
              <a:gd name="T9" fmla="*/ 14 h 99"/>
              <a:gd name="T10" fmla="*/ 514 w 1126"/>
              <a:gd name="T11" fmla="*/ 0 h 99"/>
              <a:gd name="T12" fmla="*/ 563 w 1126"/>
              <a:gd name="T13" fmla="*/ 25 h 99"/>
              <a:gd name="T14" fmla="*/ 513 w 1126"/>
              <a:gd name="T15" fmla="*/ 49 h 99"/>
              <a:gd name="T16" fmla="*/ 514 w 1126"/>
              <a:gd name="T17" fmla="*/ 0 h 99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0 60000 65536"/>
              <a:gd name="T25" fmla="*/ 0 60000 65536"/>
              <a:gd name="T26" fmla="*/ 0 60000 65536"/>
              <a:gd name="T27" fmla="*/ 0 w 1126"/>
              <a:gd name="T28" fmla="*/ 0 h 99"/>
              <a:gd name="T29" fmla="*/ 1126 w 1126"/>
              <a:gd name="T30" fmla="*/ 99 h 99"/>
            </a:gdLst>
            <a:ahLst/>
            <a:cxnLst>
              <a:cxn ang="T18">
                <a:pos x="T0" y="T1"/>
              </a:cxn>
              <a:cxn ang="T19">
                <a:pos x="T2" y="T3"/>
              </a:cxn>
              <a:cxn ang="T20">
                <a:pos x="T4" y="T5"/>
              </a:cxn>
              <a:cxn ang="T21">
                <a:pos x="T6" y="T7"/>
              </a:cxn>
              <a:cxn ang="T22">
                <a:pos x="T8" y="T9"/>
              </a:cxn>
              <a:cxn ang="T23">
                <a:pos x="T10" y="T11"/>
              </a:cxn>
              <a:cxn ang="T24">
                <a:pos x="T12" y="T13"/>
              </a:cxn>
              <a:cxn ang="T25">
                <a:pos x="T14" y="T15"/>
              </a:cxn>
              <a:cxn ang="T26">
                <a:pos x="T16" y="T17"/>
              </a:cxn>
            </a:cxnLst>
            <a:rect l="T27" t="T28" r="T29" b="T30"/>
            <a:pathLst>
              <a:path w="1126" h="99">
                <a:moveTo>
                  <a:pt x="0" y="29"/>
                </a:moveTo>
                <a:lnTo>
                  <a:pt x="1043" y="35"/>
                </a:lnTo>
                <a:lnTo>
                  <a:pt x="1043" y="65"/>
                </a:lnTo>
                <a:lnTo>
                  <a:pt x="0" y="59"/>
                </a:lnTo>
                <a:lnTo>
                  <a:pt x="0" y="29"/>
                </a:lnTo>
                <a:close/>
                <a:moveTo>
                  <a:pt x="1027" y="0"/>
                </a:moveTo>
                <a:lnTo>
                  <a:pt x="1126" y="51"/>
                </a:lnTo>
                <a:lnTo>
                  <a:pt x="1025" y="99"/>
                </a:lnTo>
                <a:lnTo>
                  <a:pt x="1027" y="0"/>
                </a:lnTo>
                <a:close/>
              </a:path>
            </a:pathLst>
          </a:custGeom>
          <a:solidFill>
            <a:srgbClr val="FF00FF"/>
          </a:solidFill>
          <a:ln w="1588">
            <a:solidFill>
              <a:srgbClr val="FF00FF"/>
            </a:solidFill>
            <a:prstDash val="solid"/>
            <a:round/>
            <a:headEnd/>
            <a:tailEnd/>
          </a:ln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sp>
        <p:nvSpPr>
          <p:cNvPr id="107" name="Rectangle 104">
            <a:extLst>
              <a:ext uri="{FF2B5EF4-FFF2-40B4-BE49-F238E27FC236}">
                <a16:creationId xmlns:a16="http://schemas.microsoft.com/office/drawing/2014/main" id="{10A01D28-11CC-4255-BB7E-191DEE39D61F}"/>
              </a:ext>
            </a:extLst>
          </p:cNvPr>
          <p:cNvSpPr>
            <a:spLocks noChangeArrowheads="1"/>
          </p:cNvSpPr>
          <p:nvPr/>
        </p:nvSpPr>
        <p:spPr bwMode="auto">
          <a:xfrm>
            <a:off x="7845844" y="4578590"/>
            <a:ext cx="1044575" cy="230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>
            <a:spAutoFit/>
          </a:bodyPr>
          <a:lstStyle>
            <a:lvl1pPr algn="l">
              <a:spcBef>
                <a:spcPct val="20000"/>
              </a:spcBef>
              <a:buClr>
                <a:schemeClr val="accent2"/>
              </a:buClr>
              <a:buFont typeface="Wingdings" panose="05000000000000000000" pitchFamily="2" charset="2"/>
              <a:buChar char="n"/>
              <a:defRPr sz="24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 algn="l">
              <a:spcBef>
                <a:spcPct val="20000"/>
              </a:spcBef>
              <a:buSzPct val="90000"/>
              <a:buFont typeface="Wingdings" panose="05000000000000000000" pitchFamily="2" charset="2"/>
              <a:buChar char="n"/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 algn="l">
              <a:spcBef>
                <a:spcPct val="20000"/>
              </a:spcBef>
              <a:buSzPct val="75000"/>
              <a:buFont typeface="Wingdings" panose="05000000000000000000" pitchFamily="2" charset="2"/>
              <a:buChar char="n"/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 algn="l">
              <a:spcBef>
                <a:spcPct val="20000"/>
              </a:spcBef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ctr" defTabSz="914263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nb-NO" sz="1500" b="1" i="0" u="none" strike="noStrike" kern="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Cold </a:t>
            </a:r>
            <a:r>
              <a:rPr kumimoji="0" lang="nb-NO" altLang="nb-NO" sz="1500" b="1" i="0" u="none" strike="noStrike" kern="0" cap="none" spc="0" normalizeH="0" baseline="0" noProof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</a:rPr>
              <a:t>winter</a:t>
            </a:r>
            <a:endParaRPr kumimoji="0" lang="nb-NO" altLang="nb-NO" sz="2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</a:endParaRPr>
          </a:p>
        </p:txBody>
      </p:sp>
      <p:sp>
        <p:nvSpPr>
          <p:cNvPr id="108" name="Freeform 105">
            <a:extLst>
              <a:ext uri="{FF2B5EF4-FFF2-40B4-BE49-F238E27FC236}">
                <a16:creationId xmlns:a16="http://schemas.microsoft.com/office/drawing/2014/main" id="{ABE7AEAA-F339-4214-AA00-87B5C128F362}"/>
              </a:ext>
            </a:extLst>
          </p:cNvPr>
          <p:cNvSpPr>
            <a:spLocks noEditPoints="1"/>
          </p:cNvSpPr>
          <p:nvPr/>
        </p:nvSpPr>
        <p:spPr bwMode="auto">
          <a:xfrm>
            <a:off x="6280898" y="3717716"/>
            <a:ext cx="1517649" cy="971427"/>
          </a:xfrm>
          <a:custGeom>
            <a:avLst/>
            <a:gdLst>
              <a:gd name="T0" fmla="*/ 935 w 1884"/>
              <a:gd name="T1" fmla="*/ 630 h 1259"/>
              <a:gd name="T2" fmla="*/ 30 w 1884"/>
              <a:gd name="T3" fmla="*/ 29 h 1259"/>
              <a:gd name="T4" fmla="*/ 38 w 1884"/>
              <a:gd name="T5" fmla="*/ 17 h 1259"/>
              <a:gd name="T6" fmla="*/ 942 w 1884"/>
              <a:gd name="T7" fmla="*/ 618 h 1259"/>
              <a:gd name="T8" fmla="*/ 935 w 1884"/>
              <a:gd name="T9" fmla="*/ 630 h 1259"/>
              <a:gd name="T10" fmla="*/ 28 w 1884"/>
              <a:gd name="T11" fmla="*/ 48 h 1259"/>
              <a:gd name="T12" fmla="*/ 0 w 1884"/>
              <a:gd name="T13" fmla="*/ 0 h 1259"/>
              <a:gd name="T14" fmla="*/ 55 w 1884"/>
              <a:gd name="T15" fmla="*/ 7 h 1259"/>
              <a:gd name="T16" fmla="*/ 28 w 1884"/>
              <a:gd name="T17" fmla="*/ 48 h 1259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  <a:gd name="T24" fmla="*/ 0 60000 65536"/>
              <a:gd name="T25" fmla="*/ 0 60000 65536"/>
              <a:gd name="T26" fmla="*/ 0 60000 65536"/>
              <a:gd name="T27" fmla="*/ 0 w 1884"/>
              <a:gd name="T28" fmla="*/ 0 h 1259"/>
              <a:gd name="T29" fmla="*/ 1884 w 1884"/>
              <a:gd name="T30" fmla="*/ 1259 h 1259"/>
            </a:gdLst>
            <a:ahLst/>
            <a:cxnLst>
              <a:cxn ang="T18">
                <a:pos x="T0" y="T1"/>
              </a:cxn>
              <a:cxn ang="T19">
                <a:pos x="T2" y="T3"/>
              </a:cxn>
              <a:cxn ang="T20">
                <a:pos x="T4" y="T5"/>
              </a:cxn>
              <a:cxn ang="T21">
                <a:pos x="T6" y="T7"/>
              </a:cxn>
              <a:cxn ang="T22">
                <a:pos x="T8" y="T9"/>
              </a:cxn>
              <a:cxn ang="T23">
                <a:pos x="T10" y="T11"/>
              </a:cxn>
              <a:cxn ang="T24">
                <a:pos x="T12" y="T13"/>
              </a:cxn>
              <a:cxn ang="T25">
                <a:pos x="T14" y="T15"/>
              </a:cxn>
              <a:cxn ang="T26">
                <a:pos x="T16" y="T17"/>
              </a:cxn>
            </a:cxnLst>
            <a:rect l="T27" t="T28" r="T29" b="T30"/>
            <a:pathLst>
              <a:path w="1884" h="1259">
                <a:moveTo>
                  <a:pt x="1869" y="1259"/>
                </a:moveTo>
                <a:lnTo>
                  <a:pt x="60" y="57"/>
                </a:lnTo>
                <a:lnTo>
                  <a:pt x="75" y="33"/>
                </a:lnTo>
                <a:lnTo>
                  <a:pt x="1884" y="1235"/>
                </a:lnTo>
                <a:lnTo>
                  <a:pt x="1869" y="1259"/>
                </a:lnTo>
                <a:close/>
                <a:moveTo>
                  <a:pt x="56" y="95"/>
                </a:moveTo>
                <a:lnTo>
                  <a:pt x="0" y="0"/>
                </a:lnTo>
                <a:lnTo>
                  <a:pt x="109" y="13"/>
                </a:lnTo>
                <a:lnTo>
                  <a:pt x="56" y="95"/>
                </a:lnTo>
                <a:close/>
              </a:path>
            </a:pathLst>
          </a:custGeom>
          <a:solidFill>
            <a:srgbClr val="65FFFF"/>
          </a:solidFill>
          <a:ln w="1588">
            <a:solidFill>
              <a:srgbClr val="65FFFF"/>
            </a:solidFill>
            <a:prstDash val="solid"/>
            <a:round/>
            <a:headEnd/>
            <a:tailEnd/>
          </a:ln>
        </p:spPr>
        <p:txBody>
          <a:bodyPr/>
          <a:lstStyle/>
          <a:p>
            <a:pPr marL="0" marR="0" lvl="0" indent="0" defTabSz="914263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799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</a:endParaRPr>
          </a:p>
        </p:txBody>
      </p:sp>
      <p:cxnSp>
        <p:nvCxnSpPr>
          <p:cNvPr id="109" name="Straight Arrow Connector 108">
            <a:extLst>
              <a:ext uri="{FF2B5EF4-FFF2-40B4-BE49-F238E27FC236}">
                <a16:creationId xmlns:a16="http://schemas.microsoft.com/office/drawing/2014/main" id="{537A18A5-C8D6-4303-A892-D643099460F8}"/>
              </a:ext>
            </a:extLst>
          </p:cNvPr>
          <p:cNvCxnSpPr/>
          <p:nvPr/>
        </p:nvCxnSpPr>
        <p:spPr>
          <a:xfrm flipV="1">
            <a:off x="1154469" y="2162732"/>
            <a:ext cx="0" cy="3974123"/>
          </a:xfrm>
          <a:prstGeom prst="straightConnector1">
            <a:avLst/>
          </a:prstGeom>
          <a:ln w="38100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Straight Arrow Connector 109">
            <a:extLst>
              <a:ext uri="{FF2B5EF4-FFF2-40B4-BE49-F238E27FC236}">
                <a16:creationId xmlns:a16="http://schemas.microsoft.com/office/drawing/2014/main" id="{40A33962-A21F-46F0-9657-D38A8558F546}"/>
              </a:ext>
            </a:extLst>
          </p:cNvPr>
          <p:cNvCxnSpPr>
            <a:cxnSpLocks/>
          </p:cNvCxnSpPr>
          <p:nvPr/>
        </p:nvCxnSpPr>
        <p:spPr>
          <a:xfrm>
            <a:off x="1154469" y="6136855"/>
            <a:ext cx="8639907" cy="0"/>
          </a:xfrm>
          <a:prstGeom prst="straightConnector1">
            <a:avLst/>
          </a:prstGeom>
          <a:ln w="38100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TextBox 110">
            <a:extLst>
              <a:ext uri="{FF2B5EF4-FFF2-40B4-BE49-F238E27FC236}">
                <a16:creationId xmlns:a16="http://schemas.microsoft.com/office/drawing/2014/main" id="{E985AB70-1338-4DB2-9637-6533AF9E0D0D}"/>
              </a:ext>
            </a:extLst>
          </p:cNvPr>
          <p:cNvSpPr txBox="1"/>
          <p:nvPr/>
        </p:nvSpPr>
        <p:spPr>
          <a:xfrm>
            <a:off x="9794376" y="5952189"/>
            <a:ext cx="70884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35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800" b="0" i="0" u="none" strike="noStrike" kern="1200" cap="none" spc="0" normalizeH="0" baseline="0" noProof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Wh</a:t>
            </a: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12" name="TextBox 111">
            <a:extLst>
              <a:ext uri="{FF2B5EF4-FFF2-40B4-BE49-F238E27FC236}">
                <a16:creationId xmlns:a16="http://schemas.microsoft.com/office/drawing/2014/main" id="{41A41C67-31AC-4CB6-AD07-DAFE5793A18B}"/>
              </a:ext>
            </a:extLst>
          </p:cNvPr>
          <p:cNvSpPr txBox="1"/>
          <p:nvPr/>
        </p:nvSpPr>
        <p:spPr>
          <a:xfrm rot="16200000">
            <a:off x="216623" y="2456403"/>
            <a:ext cx="132600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35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OK / </a:t>
            </a:r>
            <a:r>
              <a:rPr kumimoji="0" lang="nb-NO" sz="1800" b="0" i="0" u="none" strike="noStrike" kern="1200" cap="none" spc="0" normalizeH="0" baseline="0" noProof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MWh</a:t>
            </a: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13" name="Multiplication Sign 112">
            <a:extLst>
              <a:ext uri="{FF2B5EF4-FFF2-40B4-BE49-F238E27FC236}">
                <a16:creationId xmlns:a16="http://schemas.microsoft.com/office/drawing/2014/main" id="{846D15F4-9482-4E29-8CAA-554B527AB459}"/>
              </a:ext>
            </a:extLst>
          </p:cNvPr>
          <p:cNvSpPr/>
          <p:nvPr/>
        </p:nvSpPr>
        <p:spPr>
          <a:xfrm>
            <a:off x="5251829" y="5615178"/>
            <a:ext cx="199292" cy="246184"/>
          </a:xfrm>
          <a:prstGeom prst="mathMultiply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b="1" err="1">
              <a:solidFill>
                <a:schemeClr val="tx2"/>
              </a:solidFill>
            </a:endParaRPr>
          </a:p>
        </p:txBody>
      </p:sp>
      <p:sp>
        <p:nvSpPr>
          <p:cNvPr id="114" name="Multiplication Sign 113">
            <a:extLst>
              <a:ext uri="{FF2B5EF4-FFF2-40B4-BE49-F238E27FC236}">
                <a16:creationId xmlns:a16="http://schemas.microsoft.com/office/drawing/2014/main" id="{DCCE526D-555B-4CC1-9F02-5A5FA1842A2A}"/>
              </a:ext>
            </a:extLst>
          </p:cNvPr>
          <p:cNvSpPr/>
          <p:nvPr/>
        </p:nvSpPr>
        <p:spPr>
          <a:xfrm>
            <a:off x="5733145" y="5348859"/>
            <a:ext cx="199292" cy="246184"/>
          </a:xfrm>
          <a:prstGeom prst="mathMultiply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b="1" err="1">
              <a:solidFill>
                <a:schemeClr val="tx2"/>
              </a:solidFill>
            </a:endParaRPr>
          </a:p>
        </p:txBody>
      </p:sp>
      <p:sp>
        <p:nvSpPr>
          <p:cNvPr id="115" name="Multiplication Sign 114">
            <a:extLst>
              <a:ext uri="{FF2B5EF4-FFF2-40B4-BE49-F238E27FC236}">
                <a16:creationId xmlns:a16="http://schemas.microsoft.com/office/drawing/2014/main" id="{2EAB7991-723F-46BB-9B93-B873729C36CF}"/>
              </a:ext>
            </a:extLst>
          </p:cNvPr>
          <p:cNvSpPr/>
          <p:nvPr/>
        </p:nvSpPr>
        <p:spPr>
          <a:xfrm>
            <a:off x="6157588" y="4442376"/>
            <a:ext cx="199292" cy="246184"/>
          </a:xfrm>
          <a:prstGeom prst="mathMultiply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b="1" err="1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238643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EEE89A-3271-4165-BE75-E1E423F868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Hva er marginalkostnad for vannkraft?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BBD8D52-21DE-4E5D-90C9-F01AF722F07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 numCol="2"/>
          <a:lstStyle/>
          <a:p>
            <a:pPr marL="0" indent="0">
              <a:buNone/>
            </a:pPr>
            <a:r>
              <a:rPr lang="nb-NO" dirty="0"/>
              <a:t>Kostnader:</a:t>
            </a:r>
          </a:p>
          <a:p>
            <a:r>
              <a:rPr lang="nb-NO" dirty="0"/>
              <a:t>De fleste norske vannkraftverk er nedbetalt =&gt; ingen kapitalkostnad</a:t>
            </a:r>
          </a:p>
          <a:p>
            <a:r>
              <a:rPr lang="nb-NO" dirty="0"/>
              <a:t>Vann som kommer inn i magasinene er for fri =&gt; ingen brenselskostnad</a:t>
            </a:r>
          </a:p>
          <a:p>
            <a:r>
              <a:rPr lang="nb-NO" dirty="0"/>
              <a:t>Drifts- og vedlikeholdskostnad ca.</a:t>
            </a:r>
            <a:br>
              <a:rPr lang="nb-NO" dirty="0"/>
            </a:br>
            <a:r>
              <a:rPr lang="nb-NO" dirty="0"/>
              <a:t> 0.5-5 EUR/</a:t>
            </a:r>
            <a:r>
              <a:rPr lang="nb-NO" dirty="0" err="1"/>
              <a:t>MWh</a:t>
            </a:r>
            <a:endParaRPr lang="nb-NO" dirty="0"/>
          </a:p>
          <a:p>
            <a:endParaRPr lang="nb-NO" dirty="0"/>
          </a:p>
          <a:p>
            <a:endParaRPr lang="nb-NO" dirty="0"/>
          </a:p>
          <a:p>
            <a:pPr marL="0" indent="0">
              <a:buNone/>
            </a:pPr>
            <a:r>
              <a:rPr lang="nb-NO" b="1" dirty="0"/>
              <a:t>Men</a:t>
            </a:r>
            <a:r>
              <a:rPr lang="nb-NO" dirty="0"/>
              <a:t>:</a:t>
            </a:r>
          </a:p>
          <a:p>
            <a:r>
              <a:rPr lang="nb-NO" b="1" dirty="0"/>
              <a:t>Det er en begrenset mengde vann som er tilgjengelig for kraftproduksjon og begrenset magasinkapasitet</a:t>
            </a:r>
          </a:p>
          <a:p>
            <a:endParaRPr lang="nb-NO" b="1" dirty="0"/>
          </a:p>
          <a:p>
            <a:pPr>
              <a:buFont typeface="Wingdings" panose="05000000000000000000" pitchFamily="2" charset="2"/>
              <a:buChar char="Ø"/>
            </a:pPr>
            <a:r>
              <a:rPr lang="nb-NO" b="1" dirty="0"/>
              <a:t>Hvordan disponerer vi tilgjengelig vann på den best mulig måte for kraftproduksjon?</a:t>
            </a:r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241497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A14B9046-7EB9-4BDD-AF70-13F495BFFC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Variasjon i vær</a:t>
            </a: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5F5298D5-5ECB-4BFA-80E3-E1D0ADED6C3D}"/>
              </a:ext>
            </a:extLst>
          </p:cNvPr>
          <p:cNvPicPr>
            <a:picLocks noGrp="1" noChangeAspect="1"/>
          </p:cNvPicPr>
          <p:nvPr>
            <p:ph idx="4294967295"/>
          </p:nvPr>
        </p:nvPicPr>
        <p:blipFill rotWithShape="1">
          <a:blip r:embed="rId3"/>
          <a:srcRect t="4126"/>
          <a:stretch/>
        </p:blipFill>
        <p:spPr>
          <a:xfrm>
            <a:off x="488373" y="2026227"/>
            <a:ext cx="7172325" cy="38862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96AE3637-3881-48AF-A420-478ABCFDCD1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97665" y="481891"/>
            <a:ext cx="3014898" cy="303023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98B2F8B2-95CB-4F08-ABCB-C851AD2FEBD2}"/>
              </a:ext>
            </a:extLst>
          </p:cNvPr>
          <p:cNvSpPr txBox="1"/>
          <p:nvPr/>
        </p:nvSpPr>
        <p:spPr>
          <a:xfrm>
            <a:off x="8616158" y="3719943"/>
            <a:ext cx="2377912" cy="24622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nnual variation</a:t>
            </a:r>
          </a:p>
          <a:p>
            <a:pPr marL="342900" marR="0" lvl="0" indent="-34290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0000"/>
              </a:buClr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Wind power production</a:t>
            </a:r>
            <a:b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+30%/-20%</a:t>
            </a:r>
          </a:p>
          <a:p>
            <a:pPr marL="342900" marR="0" lvl="0" indent="-34290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0000"/>
              </a:buClr>
              <a:buSzTx/>
              <a:buFont typeface="Wingdings" panose="05000000000000000000" pitchFamily="2" charset="2"/>
              <a:buChar char="§"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342900" marR="0" lvl="0" indent="-34290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0000"/>
              </a:buClr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olar power production</a:t>
            </a:r>
            <a:b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+15%/-10%</a:t>
            </a:r>
          </a:p>
          <a:p>
            <a:pPr marL="342900" marR="0" lvl="0" indent="-34290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0000"/>
              </a:buClr>
              <a:buSzTx/>
              <a:buFont typeface="Wingdings" panose="05000000000000000000" pitchFamily="2" charset="2"/>
              <a:buChar char="§"/>
              <a:tabLst/>
              <a:defRPr/>
            </a:pPr>
            <a:endParaRPr kumimoji="0" lang="en-GB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342900" marR="0" lvl="0" indent="-34290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0000"/>
              </a:buClr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Hydro power production</a:t>
            </a:r>
            <a:b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(inflow to reservoirs)</a:t>
            </a:r>
            <a:b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en-GB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+40%/-25%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98930ACB-260B-4AB0-B99B-5E93B8ED8F6B}"/>
              </a:ext>
            </a:extLst>
          </p:cNvPr>
          <p:cNvSpPr txBox="1"/>
          <p:nvPr/>
        </p:nvSpPr>
        <p:spPr>
          <a:xfrm>
            <a:off x="8235319" y="6233788"/>
            <a:ext cx="3810866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/>
              <a:t>S. Jaehnert, et al. "On the profit variability of power plants in a system with large-scale renewable energy sources." EEM, 2015.</a:t>
            </a:r>
            <a:endParaRPr lang="nb-NO" sz="1000"/>
          </a:p>
        </p:txBody>
      </p:sp>
    </p:spTree>
    <p:extLst>
      <p:ext uri="{BB962C8B-B14F-4D97-AF65-F5344CB8AC3E}">
        <p14:creationId xmlns:p14="http://schemas.microsoft.com/office/powerpoint/2010/main" val="407515337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A4F665EB-C9C8-4F07-B551-389DDD9BE370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1111827" y="0"/>
            <a:ext cx="11080173" cy="6858325"/>
          </a:xfrm>
          <a:solidFill>
            <a:schemeClr val="bg1"/>
          </a:solidFill>
        </p:spPr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50FD9357-9AC5-4C26-8722-667BD09A0A3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03853" y="708431"/>
            <a:ext cx="8550014" cy="6024880"/>
          </a:xfrm>
          <a:prstGeom prst="rect">
            <a:avLst/>
          </a:prstGeom>
        </p:spPr>
      </p:pic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F21030D5-BA93-4041-A25D-2A2920EFDDCA}"/>
              </a:ext>
            </a:extLst>
          </p:cNvPr>
          <p:cNvSpPr/>
          <p:nvPr/>
        </p:nvSpPr>
        <p:spPr>
          <a:xfrm>
            <a:off x="2701636" y="322118"/>
            <a:ext cx="1995055" cy="2608118"/>
          </a:xfrm>
          <a:custGeom>
            <a:avLst/>
            <a:gdLst>
              <a:gd name="connsiteX0" fmla="*/ 83128 w 1995055"/>
              <a:gd name="connsiteY0" fmla="*/ 31173 h 2608118"/>
              <a:gd name="connsiteX1" fmla="*/ 1995055 w 1995055"/>
              <a:gd name="connsiteY1" fmla="*/ 0 h 2608118"/>
              <a:gd name="connsiteX2" fmla="*/ 561109 w 1995055"/>
              <a:gd name="connsiteY2" fmla="*/ 2608118 h 2608118"/>
              <a:gd name="connsiteX3" fmla="*/ 0 w 1995055"/>
              <a:gd name="connsiteY3" fmla="*/ 1454727 h 2608118"/>
              <a:gd name="connsiteX0" fmla="*/ 83128 w 1995055"/>
              <a:gd name="connsiteY0" fmla="*/ 31173 h 2608118"/>
              <a:gd name="connsiteX1" fmla="*/ 1995055 w 1995055"/>
              <a:gd name="connsiteY1" fmla="*/ 0 h 2608118"/>
              <a:gd name="connsiteX2" fmla="*/ 561109 w 1995055"/>
              <a:gd name="connsiteY2" fmla="*/ 2608118 h 2608118"/>
              <a:gd name="connsiteX3" fmla="*/ 0 w 1995055"/>
              <a:gd name="connsiteY3" fmla="*/ 1454727 h 2608118"/>
              <a:gd name="connsiteX4" fmla="*/ 83128 w 1995055"/>
              <a:gd name="connsiteY4" fmla="*/ 31173 h 26081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995055" h="2608118">
                <a:moveTo>
                  <a:pt x="83128" y="31173"/>
                </a:moveTo>
                <a:lnTo>
                  <a:pt x="1995055" y="0"/>
                </a:lnTo>
                <a:lnTo>
                  <a:pt x="561109" y="2608118"/>
                </a:lnTo>
                <a:lnTo>
                  <a:pt x="0" y="1454727"/>
                </a:lnTo>
                <a:lnTo>
                  <a:pt x="83128" y="31173"/>
                </a:lnTo>
                <a:close/>
              </a:path>
            </a:pathLst>
          </a:custGeom>
          <a:solidFill>
            <a:srgbClr val="C89B14"/>
          </a:solidFill>
          <a:ln>
            <a:noFill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64524943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Placeholder 9">
            <a:extLst>
              <a:ext uri="{FF2B5EF4-FFF2-40B4-BE49-F238E27FC236}">
                <a16:creationId xmlns:a16="http://schemas.microsoft.com/office/drawing/2014/main" id="{69E65B9B-28A7-4FC6-B898-A5A56DE876AA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/>
          <a:srcRect l="20765" t="10785" r="13533" b="882"/>
          <a:stretch/>
        </p:blipFill>
        <p:spPr>
          <a:xfrm>
            <a:off x="7745046" y="0"/>
            <a:ext cx="4446954" cy="6858000"/>
          </a:xfrm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6C692075-F5DB-4A70-A797-08906C383B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sz="3600" dirty="0"/>
              <a:t>Vannverdimetoden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EB13515-121F-4869-8238-170630989F5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1934" y="1864159"/>
            <a:ext cx="6796001" cy="4359991"/>
          </a:xfrm>
        </p:spPr>
        <p:txBody>
          <a:bodyPr>
            <a:normAutofit fontScale="85000" lnSpcReduction="20000"/>
          </a:bodyPr>
          <a:lstStyle/>
          <a:p>
            <a:pPr marL="0" indent="0">
              <a:buNone/>
            </a:pPr>
            <a:r>
              <a:rPr lang="nb-NO" dirty="0"/>
              <a:t>Mål: </a:t>
            </a:r>
          </a:p>
          <a:p>
            <a:r>
              <a:rPr lang="nb-NO" dirty="0"/>
              <a:t>Bruk av vann på den best mulig måte, dvs. disponere bruk av vann for å maksimere samfunnsøkonomisk overskudd.</a:t>
            </a:r>
          </a:p>
          <a:p>
            <a:pPr marL="0" indent="0">
              <a:buNone/>
            </a:pPr>
            <a:r>
              <a:rPr lang="nb-NO" dirty="0"/>
              <a:t>Gitt:</a:t>
            </a:r>
          </a:p>
          <a:p>
            <a:pPr marL="457200" indent="-457200">
              <a:buFont typeface="+mj-lt"/>
              <a:buAutoNum type="arabicPeriod"/>
            </a:pPr>
            <a:r>
              <a:rPr lang="nb-NO" dirty="0"/>
              <a:t>Usikker tilsig</a:t>
            </a:r>
          </a:p>
          <a:p>
            <a:pPr marL="457200" indent="-457200">
              <a:buFont typeface="+mj-lt"/>
              <a:buAutoNum type="arabicPeriod"/>
            </a:pPr>
            <a:r>
              <a:rPr lang="nb-NO" dirty="0"/>
              <a:t>Begrenset lagringskapasitet</a:t>
            </a:r>
          </a:p>
          <a:p>
            <a:pPr marL="457200" indent="-457200">
              <a:buFont typeface="+mj-lt"/>
              <a:buAutoNum type="arabicPeriod"/>
            </a:pPr>
            <a:r>
              <a:rPr lang="nb-NO" dirty="0"/>
              <a:t>Usikker forbruk</a:t>
            </a:r>
          </a:p>
          <a:p>
            <a:pPr marL="457200" indent="-457200">
              <a:buFont typeface="+mj-lt"/>
              <a:buAutoNum type="arabicPeriod"/>
            </a:pPr>
            <a:r>
              <a:rPr lang="nb-NO" dirty="0"/>
              <a:t>Alternativ kraftproduksjon</a:t>
            </a:r>
          </a:p>
          <a:p>
            <a:pPr marL="457200" indent="-457200">
              <a:buFont typeface="+mj-lt"/>
              <a:buAutoNum type="arabicPeriod"/>
            </a:pPr>
            <a:r>
              <a:rPr lang="nb-NO" dirty="0"/>
              <a:t>Utveksling med naboland</a:t>
            </a:r>
          </a:p>
          <a:p>
            <a:endParaRPr lang="nb-NO" dirty="0"/>
          </a:p>
          <a:p>
            <a:pPr marL="0" indent="0">
              <a:buNone/>
            </a:pPr>
            <a:r>
              <a:rPr lang="nb-NO" dirty="0"/>
              <a:t>Vannverdi:</a:t>
            </a:r>
          </a:p>
          <a:p>
            <a:r>
              <a:rPr lang="nb-NO" dirty="0"/>
              <a:t>Marginal verdi av vann for å lagre det til senere bruk</a:t>
            </a:r>
          </a:p>
          <a:p>
            <a:r>
              <a:rPr lang="nb-NO" dirty="0"/>
              <a:t>Marginal kostnad (tapt verdi) av å bruke vann til kraftproduksjon</a:t>
            </a:r>
          </a:p>
        </p:txBody>
      </p:sp>
      <p:sp>
        <p:nvSpPr>
          <p:cNvPr id="2" name="Right Brace 1">
            <a:extLst>
              <a:ext uri="{FF2B5EF4-FFF2-40B4-BE49-F238E27FC236}">
                <a16:creationId xmlns:a16="http://schemas.microsoft.com/office/drawing/2014/main" id="{501E55CB-DC13-410A-958D-60537CE74CDB}"/>
              </a:ext>
            </a:extLst>
          </p:cNvPr>
          <p:cNvSpPr/>
          <p:nvPr/>
        </p:nvSpPr>
        <p:spPr>
          <a:xfrm>
            <a:off x="3748855" y="4081294"/>
            <a:ext cx="300790" cy="601578"/>
          </a:xfrm>
          <a:prstGeom prst="rightBrace">
            <a:avLst/>
          </a:prstGeom>
          <a:ln w="381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A43FE11-5444-452D-BB93-B945C0E1F8C0}"/>
              </a:ext>
            </a:extLst>
          </p:cNvPr>
          <p:cNvSpPr txBox="1"/>
          <p:nvPr/>
        </p:nvSpPr>
        <p:spPr>
          <a:xfrm>
            <a:off x="4059737" y="4212807"/>
            <a:ext cx="236814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600" dirty="0">
                <a:solidFill>
                  <a:schemeClr val="bg1"/>
                </a:solidFill>
              </a:rPr>
              <a:t>Referanse for vannverdien</a:t>
            </a:r>
          </a:p>
        </p:txBody>
      </p:sp>
    </p:spTree>
    <p:extLst>
      <p:ext uri="{BB962C8B-B14F-4D97-AF65-F5344CB8AC3E}">
        <p14:creationId xmlns:p14="http://schemas.microsoft.com/office/powerpoint/2010/main" val="158335275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93" name="Rectangle 72">
            <a:extLst>
              <a:ext uri="{FF2B5EF4-FFF2-40B4-BE49-F238E27FC236}">
                <a16:creationId xmlns:a16="http://schemas.microsoft.com/office/drawing/2014/main" id="{070C1183-8EBF-4EA4-B5B9-51054470BDDD}"/>
              </a:ext>
            </a:extLst>
          </p:cNvPr>
          <p:cNvSpPr>
            <a:spLocks noChangeArrowheads="1"/>
          </p:cNvSpPr>
          <p:nvPr/>
        </p:nvSpPr>
        <p:spPr bwMode="auto">
          <a:xfrm>
            <a:off x="1943100" y="3765551"/>
            <a:ext cx="952500" cy="436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altLang="nb-NO" sz="2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2294" name="Rectangle 73">
            <a:extLst>
              <a:ext uri="{FF2B5EF4-FFF2-40B4-BE49-F238E27FC236}">
                <a16:creationId xmlns:a16="http://schemas.microsoft.com/office/drawing/2014/main" id="{2C0C9307-808D-445D-80BB-DB2EA63E363E}"/>
              </a:ext>
            </a:extLst>
          </p:cNvPr>
          <p:cNvSpPr>
            <a:spLocks noChangeArrowheads="1"/>
          </p:cNvSpPr>
          <p:nvPr/>
        </p:nvSpPr>
        <p:spPr bwMode="auto">
          <a:xfrm>
            <a:off x="4690071" y="4825624"/>
            <a:ext cx="1066800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nb-NO" sz="2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olve</a:t>
            </a:r>
            <a:r>
              <a:rPr kumimoji="0" lang="en-US" altLang="nb-NO" sz="2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:</a:t>
            </a:r>
          </a:p>
        </p:txBody>
      </p:sp>
      <p:sp>
        <p:nvSpPr>
          <p:cNvPr id="12296" name="Rectangle 82">
            <a:extLst>
              <a:ext uri="{FF2B5EF4-FFF2-40B4-BE49-F238E27FC236}">
                <a16:creationId xmlns:a16="http://schemas.microsoft.com/office/drawing/2014/main" id="{F4A472AA-4577-4EC0-A87C-9235769D8685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>
          <a:xfrm>
            <a:off x="2102643" y="379964"/>
            <a:ext cx="8963942" cy="1051168"/>
          </a:xfrm>
        </p:spPr>
        <p:txBody>
          <a:bodyPr/>
          <a:lstStyle/>
          <a:p>
            <a:r>
              <a:rPr lang="nb-NO" altLang="nb-NO" sz="3200" err="1"/>
              <a:t>Mathematic</a:t>
            </a:r>
            <a:r>
              <a:rPr lang="nb-NO" altLang="nb-NO" sz="3200"/>
              <a:t> </a:t>
            </a:r>
            <a:r>
              <a:rPr lang="nb-NO" altLang="nb-NO" sz="3200" err="1"/>
              <a:t>formulation</a:t>
            </a:r>
            <a:r>
              <a:rPr lang="nb-NO" altLang="nb-NO" sz="3200"/>
              <a:t> </a:t>
            </a:r>
            <a:r>
              <a:rPr lang="nb-NO" altLang="nb-NO" sz="3200" err="1"/>
              <a:t>of</a:t>
            </a:r>
            <a:r>
              <a:rPr lang="nb-NO" altLang="nb-NO" sz="3200"/>
              <a:t> </a:t>
            </a:r>
            <a:r>
              <a:rPr lang="nb-NO" altLang="nb-NO" sz="3200" err="1"/>
              <a:t>the</a:t>
            </a:r>
            <a:r>
              <a:rPr lang="nb-NO" altLang="nb-NO" sz="3200"/>
              <a:t> water </a:t>
            </a:r>
            <a:r>
              <a:rPr lang="nb-NO" altLang="nb-NO" sz="3200" err="1"/>
              <a:t>value</a:t>
            </a:r>
            <a:r>
              <a:rPr lang="nb-NO" altLang="nb-NO" sz="3200"/>
              <a:t> </a:t>
            </a:r>
            <a:r>
              <a:rPr lang="nb-NO" altLang="nb-NO" sz="3200" err="1"/>
              <a:t>method</a:t>
            </a:r>
            <a:r>
              <a:rPr lang="nb-NO" altLang="nb-NO" sz="3200"/>
              <a:t> </a:t>
            </a:r>
            <a:r>
              <a:rPr lang="nb-NO" altLang="nb-NO" sz="2400"/>
              <a:t>as a </a:t>
            </a:r>
            <a:r>
              <a:rPr lang="nb-NO" altLang="nb-NO" sz="2400" err="1"/>
              <a:t>stochastic</a:t>
            </a:r>
            <a:r>
              <a:rPr lang="nb-NO" altLang="nb-NO" sz="2400"/>
              <a:t> </a:t>
            </a:r>
            <a:r>
              <a:rPr lang="nb-NO" altLang="nb-NO" sz="2400" err="1"/>
              <a:t>optimisation</a:t>
            </a:r>
            <a:r>
              <a:rPr lang="nb-NO" altLang="nb-NO" sz="2400"/>
              <a:t> problem</a:t>
            </a:r>
            <a:endParaRPr lang="en-US" altLang="nb-NO" sz="320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7861EC48-C40D-49A7-934C-67C83FF257D8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12297" name="Text Box 83">
            <a:extLst>
              <a:ext uri="{FF2B5EF4-FFF2-40B4-BE49-F238E27FC236}">
                <a16:creationId xmlns:a16="http://schemas.microsoft.com/office/drawing/2014/main" id="{DBFE840D-627F-4DBE-85B9-544932424C8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28454" y="4163435"/>
            <a:ext cx="4692182" cy="181588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gradFill rotWithShape="0">
                  <a:gsLst>
                    <a:gs pos="0">
                      <a:schemeClr val="accent2"/>
                    </a:gs>
                    <a:gs pos="100000">
                      <a:schemeClr val="bg1"/>
                    </a:gs>
                  </a:gsLst>
                  <a:path path="shape">
                    <a:fillToRect l="50000" t="50000" r="50000" b="50000"/>
                  </a:path>
                </a:gra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42950" indent="-28575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43000" indent="-22860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00200" indent="-22860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57400" indent="-228600"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Char char="a"/>
              <a:tabLst/>
              <a:defRPr/>
            </a:pP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Symbol" panose="05050102010706020507" pitchFamily="18" charset="2"/>
              </a:rPr>
              <a:t> 	Total 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  <a:sym typeface="Symbol" panose="05050102010706020507" pitchFamily="18" charset="2"/>
              </a:rPr>
              <a:t>costs</a:t>
            </a:r>
            <a:endParaRPr kumimoji="0" lang="nb-NO" altLang="nb-NO" sz="1400" b="0" i="0" u="none" strike="noStrike" kern="1200" cap="none" spc="0" normalizeH="0" baseline="0" noProof="0">
              <a:ln>
                <a:noFill/>
              </a:ln>
              <a:solidFill>
                <a:srgbClr val="003C65"/>
              </a:solidFill>
              <a:effectLst/>
              <a:uLnTx/>
              <a:uFillTx/>
              <a:latin typeface="Calibri"/>
              <a:ea typeface="+mn-ea"/>
              <a:cs typeface="+mn-cs"/>
              <a:sym typeface="Symbol" panose="05050102010706020507" pitchFamily="18" charset="2"/>
            </a:endParaRPr>
          </a:p>
          <a:p>
            <a:pPr marL="0" marR="0" lvl="0" indent="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x 	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reservoir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level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(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tate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)</a:t>
            </a:r>
          </a:p>
          <a:p>
            <a:pPr marL="0" marR="0" lvl="0" indent="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k 	Time 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tep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(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week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)</a:t>
            </a:r>
          </a:p>
          <a:p>
            <a:pPr marL="0" marR="0" lvl="0" indent="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 	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expectation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value</a:t>
            </a:r>
            <a:endParaRPr kumimoji="0" lang="nb-NO" altLang="nb-NO" sz="1400" b="0" i="0" u="none" strike="noStrike" kern="1200" cap="none" spc="0" normalizeH="0" baseline="0" noProof="0">
              <a:ln>
                <a:noFill/>
              </a:ln>
              <a:solidFill>
                <a:srgbClr val="003C65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  <a:p>
            <a:pPr marL="0" marR="0" lvl="0" indent="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U	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roduction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(discharge)</a:t>
            </a:r>
          </a:p>
          <a:p>
            <a:pPr marL="0" marR="0" lvl="0" indent="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 	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et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costs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(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purchase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/ sales)</a:t>
            </a:r>
          </a:p>
          <a:p>
            <a:pPr marL="0" marR="0" lvl="0" indent="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 	final 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value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(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value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of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tored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water at final 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horizon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)</a:t>
            </a:r>
          </a:p>
          <a:p>
            <a:pPr marL="0" marR="0" lvl="0" indent="0" algn="l" defTabSz="91426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ymbol" panose="05050102010706020507" pitchFamily="18" charset="2"/>
              <a:buNone/>
              <a:tabLst/>
              <a:defRPr/>
            </a:pP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 	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next</a:t>
            </a:r>
            <a:r>
              <a:rPr kumimoji="0" lang="nb-NO" altLang="nb-NO" sz="1400" b="0" i="0" u="none" strike="noStrike" kern="1200" cap="none" spc="0" normalizeH="0" baseline="0" noProof="0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 time </a:t>
            </a:r>
            <a:r>
              <a:rPr kumimoji="0" lang="nb-NO" altLang="nb-NO" sz="1400" b="0" i="0" u="none" strike="noStrike" kern="1200" cap="none" spc="0" normalizeH="0" baseline="0" noProof="0" err="1">
                <a:ln>
                  <a:noFill/>
                </a:ln>
                <a:solidFill>
                  <a:srgbClr val="003C65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t>step</a:t>
            </a:r>
            <a:endParaRPr kumimoji="0" lang="en-US" altLang="nb-NO" sz="1400" b="0" i="0" u="none" strike="noStrike" kern="1200" cap="none" spc="0" normalizeH="0" baseline="0" noProof="0">
              <a:ln>
                <a:noFill/>
              </a:ln>
              <a:solidFill>
                <a:srgbClr val="003C65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" name="TextBox 1">
                <a:extLst>
                  <a:ext uri="{FF2B5EF4-FFF2-40B4-BE49-F238E27FC236}">
                    <a16:creationId xmlns:a16="http://schemas.microsoft.com/office/drawing/2014/main" id="{29DE7279-7391-47BF-A1A3-2D09D06EB1F7}"/>
                  </a:ext>
                </a:extLst>
              </p:cNvPr>
              <p:cNvSpPr txBox="1"/>
              <p:nvPr/>
            </p:nvSpPr>
            <p:spPr>
              <a:xfrm>
                <a:off x="461813" y="1988348"/>
                <a:ext cx="6923725" cy="1876732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nb-NO" sz="2800" i="1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nb-NO" sz="2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𝛼</m:t>
                          </m:r>
                        </m:e>
                        <m:sub>
                          <m:r>
                            <a:rPr lang="nb-NO" sz="2800" b="0" i="1" smtClean="0">
                              <a:latin typeface="Cambria Math" panose="02040503050406030204" pitchFamily="18" charset="0"/>
                            </a:rPr>
                            <m:t>𝑘</m:t>
                          </m:r>
                        </m:sub>
                      </m:sSub>
                      <m:d>
                        <m:dPr>
                          <m:ctrlPr>
                            <a:rPr lang="nb-NO" sz="280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nb-NO" sz="280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nb-NO" sz="2800" b="0" i="1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nb-NO" sz="2800" b="0" i="1" smtClean="0">
                                  <a:latin typeface="Cambria Math" panose="02040503050406030204" pitchFamily="18" charset="0"/>
                                </a:rPr>
                                <m:t>𝑘</m:t>
                              </m:r>
                            </m:sub>
                          </m:sSub>
                        </m:e>
                      </m:d>
                      <m:r>
                        <a:rPr lang="nb-NO" sz="28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nb-NO" sz="2800" b="0" i="1" smtClean="0">
                          <a:latin typeface="Cambria Math" panose="02040503050406030204" pitchFamily="18" charset="0"/>
                        </a:rPr>
                        <m:t>𝐸</m:t>
                      </m:r>
                      <m:d>
                        <m:dPr>
                          <m:begChr m:val="{"/>
                          <m:endChr m:val="}"/>
                          <m:ctrlPr>
                            <a:rPr lang="nb-NO" sz="28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nb-NO" sz="28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nb-NO" sz="2800" b="0" i="1" smtClean="0">
                                  <a:latin typeface="Cambria Math" panose="02040503050406030204" pitchFamily="18" charset="0"/>
                                </a:rPr>
                                <m:t>𝑀𝑖𝑛</m:t>
                              </m:r>
                            </m:e>
                            <m:sub>
                              <m:sSub>
                                <m:sSubPr>
                                  <m:ctrlPr>
                                    <a:rPr lang="nb-NO" sz="28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nb-NO" sz="2800" b="0" i="1" smtClean="0">
                                      <a:latin typeface="Cambria Math" panose="02040503050406030204" pitchFamily="18" charset="0"/>
                                    </a:rPr>
                                    <m:t>𝑢</m:t>
                                  </m:r>
                                </m:e>
                                <m:sub>
                                  <m:r>
                                    <a:rPr lang="nb-NO" sz="2800" b="0" i="1" smtClean="0">
                                      <a:latin typeface="Cambria Math" panose="02040503050406030204" pitchFamily="18" charset="0"/>
                                    </a:rPr>
                                    <m:t>𝑘</m:t>
                                  </m:r>
                                </m:sub>
                              </m:sSub>
                            </m:sub>
                          </m:sSub>
                          <m:d>
                            <m:dPr>
                              <m:begChr m:val="["/>
                              <m:endChr m:val="]"/>
                              <m:ctrlPr>
                                <a:rPr lang="nb-NO" sz="2800" i="1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nb-NO" sz="28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nb-NO" sz="2800" i="1">
                                      <a:latin typeface="Cambria Math" panose="020405030504060302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nb-NO" sz="2800" i="1">
                                      <a:latin typeface="Cambria Math" panose="02040503050406030204" pitchFamily="18" charset="0"/>
                                    </a:rPr>
                                    <m:t>𝑘</m:t>
                                  </m:r>
                                </m:sub>
                              </m:sSub>
                              <m:d>
                                <m:dPr>
                                  <m:ctrlPr>
                                    <a:rPr lang="nb-NO" sz="2800" i="1"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sSub>
                                    <m:sSubPr>
                                      <m:ctrlPr>
                                        <a:rPr lang="nb-NO" sz="2800" i="1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nb-NO" sz="2800" i="1">
                                          <a:latin typeface="Cambria Math" panose="02040503050406030204" pitchFamily="18" charset="0"/>
                                        </a:rPr>
                                        <m:t>𝑢</m:t>
                                      </m:r>
                                    </m:e>
                                    <m:sub>
                                      <m:r>
                                        <a:rPr lang="nb-NO" sz="2800" i="1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</m:e>
                              </m:d>
                              <m:r>
                                <a:rPr lang="nb-NO" sz="2800" i="1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sSub>
                                <m:sSubPr>
                                  <m:ctrlPr>
                                    <a:rPr lang="nb-NO" sz="280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nb-NO" sz="2800" i="1" smtClean="0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𝛼</m:t>
                                  </m:r>
                                </m:e>
                                <m:sub>
                                  <m:r>
                                    <a:rPr lang="nb-NO" sz="2800" b="0" i="1" smtClean="0">
                                      <a:latin typeface="Cambria Math" panose="02040503050406030204" pitchFamily="18" charset="0"/>
                                    </a:rPr>
                                    <m:t>𝑘</m:t>
                                  </m:r>
                                  <m:r>
                                    <a:rPr lang="nb-NO" sz="2800" b="0" i="1" smtClean="0">
                                      <a:latin typeface="Cambria Math" panose="02040503050406030204" pitchFamily="18" charset="0"/>
                                    </a:rPr>
                                    <m:t>+1</m:t>
                                  </m:r>
                                </m:sub>
                              </m:sSub>
                              <m:d>
                                <m:dPr>
                                  <m:ctrlPr>
                                    <a:rPr lang="nb-NO" sz="280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sSub>
                                    <m:sSubPr>
                                      <m:ctrlPr>
                                        <a:rPr lang="nb-NO" sz="280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nb-NO" sz="2800" b="0" i="1" smtClean="0">
                                          <a:latin typeface="Cambria Math" panose="02040503050406030204" pitchFamily="18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nb-NO" sz="2800" b="0" i="1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  <m:r>
                                        <a:rPr lang="nb-NO" sz="2800" b="0" i="1" smtClean="0">
                                          <a:latin typeface="Cambria Math" panose="02040503050406030204" pitchFamily="18" charset="0"/>
                                        </a:rPr>
                                        <m:t>+1</m:t>
                                      </m:r>
                                    </m:sub>
                                  </m:sSub>
                                </m:e>
                              </m:d>
                            </m:e>
                          </m:d>
                        </m:e>
                      </m:d>
                    </m:oMath>
                  </m:oMathPara>
                </a14:m>
                <a:endParaRPr lang="nb-NO" sz="2800" b="0" i="1">
                  <a:latin typeface="Cambria Math" panose="02040503050406030204" pitchFamily="18" charset="0"/>
                </a:endParaRPr>
              </a:p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nb-NO" sz="2800" b="0" i="1" smtClean="0"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nb-NO" sz="2800" b="0" i="1" smtClean="0">
                          <a:latin typeface="Cambria Math" panose="02040503050406030204" pitchFamily="18" charset="0"/>
                        </a:rPr>
                        <m:t>𝐸</m:t>
                      </m:r>
                      <m:d>
                        <m:dPr>
                          <m:begChr m:val="{"/>
                          <m:endChr m:val="}"/>
                          <m:ctrlPr>
                            <a:rPr lang="nb-NO" sz="2800" b="0" i="1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nb-NO" sz="2800" b="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nb-NO" sz="2800" b="0" i="1" smtClean="0">
                                  <a:latin typeface="Cambria Math" panose="02040503050406030204" pitchFamily="18" charset="0"/>
                                </a:rPr>
                                <m:t>𝑀𝑖𝑛</m:t>
                              </m:r>
                            </m:e>
                            <m:sub>
                              <m:r>
                                <a:rPr lang="nb-NO" sz="2800" b="0" i="1" smtClean="0">
                                  <a:latin typeface="Cambria Math" panose="02040503050406030204" pitchFamily="18" charset="0"/>
                                </a:rPr>
                                <m:t>𝑢</m:t>
                              </m:r>
                            </m:sub>
                          </m:sSub>
                          <m:d>
                            <m:dPr>
                              <m:begChr m:val="["/>
                              <m:endChr m:val="]"/>
                              <m:ctrlPr>
                                <a:rPr lang="nb-NO" sz="2800" b="0" i="1" smtClean="0"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nb-NO" sz="2800" b="0" i="1" smtClean="0"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  <m:d>
                                <m:dPr>
                                  <m:ctrlPr>
                                    <a:rPr lang="nb-NO" sz="28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sSub>
                                    <m:sSubPr>
                                      <m:ctrlPr>
                                        <a:rPr lang="nb-NO" sz="28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nb-NO" sz="2800" b="0" i="1" smtClean="0">
                                          <a:latin typeface="Cambria Math" panose="02040503050406030204" pitchFamily="18" charset="0"/>
                                        </a:rPr>
                                        <m:t>𝑥</m:t>
                                      </m:r>
                                    </m:e>
                                    <m:sub>
                                      <m:r>
                                        <a:rPr lang="nb-NO" sz="2800" b="0" i="1" smtClean="0">
                                          <a:latin typeface="Cambria Math" panose="02040503050406030204" pitchFamily="18" charset="0"/>
                                        </a:rPr>
                                        <m:t>𝑁</m:t>
                                      </m:r>
                                    </m:sub>
                                  </m:sSub>
                                </m:e>
                              </m:d>
                              <m:r>
                                <a:rPr lang="nb-NO" sz="2800" b="0" i="1" smtClean="0">
                                  <a:latin typeface="Cambria Math" panose="02040503050406030204" pitchFamily="18" charset="0"/>
                                </a:rPr>
                                <m:t>+</m:t>
                              </m:r>
                              <m:nary>
                                <m:naryPr>
                                  <m:chr m:val="∑"/>
                                  <m:ctrlPr>
                                    <a:rPr lang="nb-NO" sz="2800" b="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naryPr>
                                <m:sub>
                                  <m:r>
                                    <m:rPr>
                                      <m:brk m:alnAt="23"/>
                                    </m:rPr>
                                    <a:rPr lang="nb-NO" sz="2800" b="0" i="1" smtClean="0">
                                      <a:latin typeface="Cambria Math" panose="02040503050406030204" pitchFamily="18" charset="0"/>
                                    </a:rPr>
                                    <m:t>𝑘</m:t>
                                  </m:r>
                                  <m:r>
                                    <a:rPr lang="nb-NO" sz="2800" b="0" i="1" smtClean="0">
                                      <a:latin typeface="Cambria Math" panose="02040503050406030204" pitchFamily="18" charset="0"/>
                                    </a:rPr>
                                    <m:t>=1</m:t>
                                  </m:r>
                                </m:sub>
                                <m:sup>
                                  <m:r>
                                    <a:rPr lang="nb-NO" sz="2800" b="0" i="1" smtClean="0">
                                      <a:latin typeface="Cambria Math" panose="02040503050406030204" pitchFamily="18" charset="0"/>
                                    </a:rPr>
                                    <m:t>𝑁</m:t>
                                  </m:r>
                                </m:sup>
                                <m:e>
                                  <m:sSub>
                                    <m:sSubPr>
                                      <m:ctrlPr>
                                        <a:rPr lang="nb-NO" sz="28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nb-NO" sz="2800" b="0" i="1" smtClean="0">
                                          <a:latin typeface="Cambria Math" panose="02040503050406030204" pitchFamily="18" charset="0"/>
                                        </a:rPr>
                                        <m:t>𝐶</m:t>
                                      </m:r>
                                    </m:e>
                                    <m:sub>
                                      <m:r>
                                        <a:rPr lang="nb-NO" sz="2800" b="0" i="1" smtClean="0">
                                          <a:latin typeface="Cambria Math" panose="02040503050406030204" pitchFamily="18" charset="0"/>
                                        </a:rPr>
                                        <m:t>𝑘</m:t>
                                      </m:r>
                                    </m:sub>
                                  </m:sSub>
                                  <m:d>
                                    <m:dPr>
                                      <m:ctrlPr>
                                        <a:rPr lang="nb-NO" sz="2800" b="0" i="1" smtClean="0"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sSub>
                                        <m:sSubPr>
                                          <m:ctrlPr>
                                            <a:rPr lang="nb-NO" sz="2800" b="0" i="1" smtClean="0"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nb-NO" sz="2800" b="0" i="1" smtClean="0">
                                              <a:latin typeface="Cambria Math" panose="02040503050406030204" pitchFamily="18" charset="0"/>
                                            </a:rPr>
                                            <m:t>𝑢</m:t>
                                          </m:r>
                                        </m:e>
                                        <m:sub>
                                          <m:r>
                                            <a:rPr lang="nb-NO" sz="2800" b="0" i="1" smtClean="0">
                                              <a:latin typeface="Cambria Math" panose="02040503050406030204" pitchFamily="18" charset="0"/>
                                            </a:rPr>
                                            <m:t>𝑘</m:t>
                                          </m:r>
                                        </m:sub>
                                      </m:sSub>
                                    </m:e>
                                  </m:d>
                                </m:e>
                              </m:nary>
                            </m:e>
                          </m:d>
                        </m:e>
                      </m:d>
                    </m:oMath>
                  </m:oMathPara>
                </a14:m>
                <a:endParaRPr lang="nb-NO" sz="2800"/>
              </a:p>
            </p:txBody>
          </p:sp>
        </mc:Choice>
        <mc:Fallback xmlns="">
          <p:sp>
            <p:nvSpPr>
              <p:cNvPr id="2" name="TextBox 1">
                <a:extLst>
                  <a:ext uri="{FF2B5EF4-FFF2-40B4-BE49-F238E27FC236}">
                    <a16:creationId xmlns:a16="http://schemas.microsoft.com/office/drawing/2014/main" id="{29DE7279-7391-47BF-A1A3-2D09D06EB1F7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61813" y="1988348"/>
                <a:ext cx="6923725" cy="1876732"/>
              </a:xfrm>
              <a:prstGeom prst="rect">
                <a:avLst/>
              </a:prstGeom>
              <a:blipFill>
                <a:blip r:embed="rId2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7CAC7C6-F3CE-46D5-8C99-E323388A15F1}"/>
                  </a:ext>
                </a:extLst>
              </p:cNvPr>
              <p:cNvSpPr txBox="1"/>
              <p:nvPr/>
            </p:nvSpPr>
            <p:spPr>
              <a:xfrm>
                <a:off x="5509076" y="4575167"/>
                <a:ext cx="1173847" cy="819263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f>
                        <m:fPr>
                          <m:ctrlPr>
                            <a:rPr lang="nb-NO" sz="2800" i="1" smtClean="0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r>
                            <a:rPr lang="nb-NO" sz="2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𝛼</m:t>
                          </m:r>
                        </m:num>
                        <m:den>
                          <m:r>
                            <a:rPr lang="nb-NO" sz="280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𝜕</m:t>
                          </m:r>
                          <m:r>
                            <a:rPr lang="nb-NO" sz="2800" b="0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𝑢</m:t>
                          </m:r>
                        </m:den>
                      </m:f>
                      <m:r>
                        <a:rPr lang="nb-NO" sz="2800" b="0" i="1" smtClean="0">
                          <a:latin typeface="Cambria Math" panose="02040503050406030204" pitchFamily="18" charset="0"/>
                        </a:rPr>
                        <m:t>=0</m:t>
                      </m:r>
                    </m:oMath>
                  </m:oMathPara>
                </a14:m>
                <a:endParaRPr lang="nb-NO" sz="2800"/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A7CAC7C6-F3CE-46D5-8C99-E323388A15F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509076" y="4575167"/>
                <a:ext cx="1173847" cy="819263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5" name="Picture 4">
            <a:extLst>
              <a:ext uri="{FF2B5EF4-FFF2-40B4-BE49-F238E27FC236}">
                <a16:creationId xmlns:a16="http://schemas.microsoft.com/office/drawing/2014/main" id="{891142E3-04ED-47FA-BA66-82546600AE0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167186" y="2402369"/>
            <a:ext cx="4692183" cy="2686592"/>
          </a:xfrm>
          <a:prstGeom prst="rect">
            <a:avLst/>
          </a:prstGeom>
        </p:spPr>
      </p:pic>
      <p:sp>
        <p:nvSpPr>
          <p:cNvPr id="297" name="TextBox 296">
            <a:extLst>
              <a:ext uri="{FF2B5EF4-FFF2-40B4-BE49-F238E27FC236}">
                <a16:creationId xmlns:a16="http://schemas.microsoft.com/office/drawing/2014/main" id="{2F668E6A-D2C1-4EFC-A79C-D0824886AE62}"/>
              </a:ext>
            </a:extLst>
          </p:cNvPr>
          <p:cNvSpPr txBox="1"/>
          <p:nvPr/>
        </p:nvSpPr>
        <p:spPr>
          <a:xfrm>
            <a:off x="5509076" y="6017000"/>
            <a:ext cx="660743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nb-NO" sz="1200"/>
              <a:t>cf. O. Wolfgang, et al., Hydro </a:t>
            </a:r>
            <a:r>
              <a:rPr lang="nb-NO" sz="1200" err="1"/>
              <a:t>reservoir</a:t>
            </a:r>
            <a:r>
              <a:rPr lang="nb-NO" sz="1200"/>
              <a:t> handling in Norway </a:t>
            </a:r>
            <a:r>
              <a:rPr lang="nb-NO" sz="1200" err="1"/>
              <a:t>before</a:t>
            </a:r>
            <a:r>
              <a:rPr lang="nb-NO" sz="1200"/>
              <a:t> and </a:t>
            </a:r>
            <a:r>
              <a:rPr lang="nb-NO" sz="1200" err="1"/>
              <a:t>after</a:t>
            </a:r>
            <a:r>
              <a:rPr lang="nb-NO" sz="1200"/>
              <a:t> </a:t>
            </a:r>
            <a:r>
              <a:rPr lang="nb-NO" sz="1200" err="1"/>
              <a:t>deregulation</a:t>
            </a:r>
            <a:r>
              <a:rPr lang="nb-NO" sz="1200"/>
              <a:t>, Energy, 2009</a:t>
            </a:r>
          </a:p>
        </p:txBody>
      </p:sp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6924741238978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tejae\AppData\Local\Temp\Templafy\PowerPointVsto\Assets\eee744f8-b2db-49d7-adcf-d29614023009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6924741238978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69247412389788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.pptx" id="{A4EBE474-260A-45E8-9B33-B0CE35549B35}" vid="{6842E789-DDBA-4FAE-B50A-4496787BA286}"/>
    </a:ext>
  </a:extLst>
</a:theme>
</file>

<file path=ppt/theme/theme10.xml><?xml version="1.0" encoding="utf-8"?>
<a:theme xmlns:a="http://schemas.openxmlformats.org/drawingml/2006/main" name="2_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INTEF Presentation-NO 2021" id="{E1B858A4-203C-49D9-B9EF-AB2B49F06EB1}" vid="{7100CC01-18DE-4906-894E-136DE85038D6}"/>
    </a:ext>
  </a:extLst>
</a:theme>
</file>

<file path=ppt/theme/theme1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1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Med blå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.pptx" id="{A4EBE474-260A-45E8-9B33-B0CE35549B35}" vid="{F3AEB288-7F40-44D7-9096-008FAA5D56AF}"/>
    </a:ext>
  </a:extLst>
</a:theme>
</file>

<file path=ppt/theme/theme3.xml><?xml version="1.0" encoding="utf-8"?>
<a:theme xmlns:a="http://schemas.openxmlformats.org/drawingml/2006/main" name="Uten bunnline (Blå)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.pptx" id="{A4EBE474-260A-45E8-9B33-B0CE35549B35}" vid="{91EF3592-86A9-4400-8DA4-A62162C90089}"/>
    </a:ext>
  </a:extLst>
</a:theme>
</file>

<file path=ppt/theme/theme4.xml><?xml version="1.0" encoding="utf-8"?>
<a:theme xmlns:a="http://schemas.openxmlformats.org/drawingml/2006/main" name="Med mørk grøn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.pptx" id="{A4EBE474-260A-45E8-9B33-B0CE35549B35}" vid="{5C0A378B-026F-4E71-95BE-27FD71B82473}"/>
    </a:ext>
  </a:extLst>
</a:theme>
</file>

<file path=ppt/theme/theme5.xml><?xml version="1.0" encoding="utf-8"?>
<a:theme xmlns:a="http://schemas.openxmlformats.org/drawingml/2006/main" name="Med grøn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.pptx" id="{A4EBE474-260A-45E8-9B33-B0CE35549B35}" vid="{B13518D1-2E1B-4022-A6E3-69A998F5CFE2}"/>
    </a:ext>
  </a:extLst>
</a:theme>
</file>

<file path=ppt/theme/theme6.xml><?xml version="1.0" encoding="utf-8"?>
<a:theme xmlns:a="http://schemas.openxmlformats.org/drawingml/2006/main" name="Med gul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.pptx" id="{A4EBE474-260A-45E8-9B33-B0CE35549B35}" vid="{D412F8CD-9BE5-41EC-A0FF-2E9A7988AAAB}"/>
    </a:ext>
  </a:extLst>
</a:theme>
</file>

<file path=ppt/theme/theme7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.pptx" id="{A4EBE474-260A-45E8-9B33-B0CE35549B35}" vid="{B8DA9169-1153-437D-B471-39FADF23F1EF}"/>
    </a:ext>
  </a:extLst>
</a:theme>
</file>

<file path=ppt/theme/theme8.xml><?xml version="1.0" encoding="utf-8"?>
<a:theme xmlns:a="http://schemas.openxmlformats.org/drawingml/2006/main" name="1_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.pptx" id="{A4EBE474-260A-45E8-9B33-B0CE35549B35}" vid="{6842E789-DDBA-4FAE-B50A-4496787BA286}"/>
    </a:ext>
  </a:extLst>
</a:theme>
</file>

<file path=ppt/theme/theme9.xml><?xml version="1.0" encoding="utf-8"?>
<a:theme xmlns:a="http://schemas.openxmlformats.org/drawingml/2006/main" name="SINTEF Lys">
  <a:themeElements>
    <a:clrScheme name="SINTEF">
      <a:dk1>
        <a:sysClr val="windowText" lastClr="000000"/>
      </a:dk1>
      <a:lt1>
        <a:sysClr val="window" lastClr="FFFFFF"/>
      </a:lt1>
      <a:dk2>
        <a:srgbClr val="003C65"/>
      </a:dk2>
      <a:lt2>
        <a:srgbClr val="FFFFFF"/>
      </a:lt2>
      <a:accent1>
        <a:srgbClr val="003C65"/>
      </a:accent1>
      <a:accent2>
        <a:srgbClr val="22A7E5"/>
      </a:accent2>
      <a:accent3>
        <a:srgbClr val="EC008C"/>
      </a:accent3>
      <a:accent4>
        <a:srgbClr val="A4C21F"/>
      </a:accent4>
      <a:accent5>
        <a:srgbClr val="F7E918"/>
      </a:accent5>
      <a:accent6>
        <a:srgbClr val="A19589"/>
      </a:accent6>
      <a:hlink>
        <a:srgbClr val="0563C1"/>
      </a:hlink>
      <a:folHlink>
        <a:srgbClr val="954F72"/>
      </a:folHlink>
    </a:clrScheme>
    <a:fontScheme name="SINTEF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>
        <a:ln w="50800">
          <a:solidFill>
            <a:schemeClr val="tx2"/>
          </a:solidFill>
          <a:tailEnd type="oval" w="lg" len="lg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SINTEF Presentation" id="{B6F53DB1-275F-40C1-8AF6-C3E310FBF65E}" vid="{B77A462C-D9DD-4472-9255-602143C58A70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Project Report" ma:contentTypeID="0x01010031B82B69D2361148B4D8F7EC156802130300AD187C59D7CF014CB629A15C3A2CE601" ma:contentTypeVersion="36" ma:contentTypeDescription="Opprett et nytt dokument." ma:contentTypeScope="" ma:versionID="d15b7a896b297e6aa0f28e0201a80d2a">
  <xsd:schema xmlns:xsd="http://www.w3.org/2001/XMLSchema" xmlns:xs="http://www.w3.org/2001/XMLSchema" xmlns:p="http://schemas.microsoft.com/office/2006/metadata/properties" xmlns:ns2="8bbd4995-53b7-43e2-b62f-10947586ac31" targetNamespace="http://schemas.microsoft.com/office/2006/metadata/properties" ma:root="true" ma:fieldsID="20decc1c9bbeaa095fd88a6539126174" ns2:_="">
    <xsd:import namespace="8bbd4995-53b7-43e2-b62f-10947586ac31"/>
    <xsd:element name="properties">
      <xsd:complexType>
        <xsd:sequence>
          <xsd:element name="documentManagement">
            <xsd:complexType>
              <xsd:all>
                <xsd:element ref="ns2:ArchiveStatus" minOccurs="0"/>
                <xsd:element ref="ns2:CorpWorkflowApproval" minOccurs="0"/>
                <xsd:element ref="ns2:CorpWorkflowFeedback" minOccurs="0"/>
                <xsd:element ref="ns2:CorpSiteProjectNumber" minOccurs="0"/>
                <xsd:element ref="ns2:CorpSiteProjectName" minOccurs="0"/>
                <xsd:element ref="ns2:CorpSiteSubTitle" minOccurs="0"/>
                <xsd:element ref="ns2:CorpSiteAccess" minOccurs="0"/>
                <xsd:element ref="ns2:CorpSiteClassification" minOccurs="0"/>
                <xsd:element ref="ns2:CorpSiteTags" minOccurs="0"/>
                <xsd:element ref="ns2:CorpSiteProjectQA" minOccurs="0"/>
                <xsd:element ref="ns2:CorpSiteProjectOwner" minOccurs="0"/>
                <xsd:element ref="ns2:CorpSiteProjectLeader" minOccurs="0"/>
                <xsd:element ref="ns2:CorpSiteReportNumber" minOccurs="0"/>
                <xsd:element ref="ns2:CorpSiteISBN" minOccurs="0"/>
                <xsd:element ref="ns2:CorpSiteCoAuthors" minOccurs="0"/>
                <xsd:element ref="ns2:CorpSiteRecipientCompany" minOccurs="0"/>
                <xsd:element ref="ns2:CorpSiteRecipientPerson" minOccurs="0"/>
                <xsd:element ref="ns2:CorpSiteOurRef" minOccurs="0"/>
                <xsd:element ref="ns2:CorpSiteDocumentAuthor" minOccurs="0"/>
                <xsd:element ref="ns2:CorpSiteZipAddress" minOccurs="0"/>
                <xsd:element ref="ns2:CorpSiteZipContact" minOccurs="0"/>
                <xsd:element ref="ns2:CorpSiteVATNumber" minOccurs="0"/>
                <xsd:element ref="ns2:CorpSiteInstituteEmail" minOccurs="0"/>
                <xsd:element ref="ns2:CorpDocPageClassificationNbNo" minOccurs="0"/>
                <xsd:element ref="ns2:CorpDocClassificationEnUs" minOccurs="0"/>
                <xsd:element ref="ns2:CorpDocPageClassificationEnUs" minOccurs="0"/>
                <xsd:element ref="ns2:CorpDocClassificationNbNo" minOccurs="0"/>
                <xsd:element ref="ns2:CorpSiteInstituteEnUs" minOccurs="0"/>
                <xsd:element ref="ns2:CorpSiteInstitutePhone" minOccurs="0"/>
                <xsd:element ref="ns2:CorpSiteDocLanguage" minOccurs="0"/>
                <xsd:element ref="ns2:CorpDocInstitute" minOccurs="0"/>
                <xsd:element ref="ns2:CorpDocVersion" minOccurs="0"/>
                <xsd:element ref="ns2:CorpWorkflowStatu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bbd4995-53b7-43e2-b62f-10947586ac31" elementFormDefault="qualified">
    <xsd:import namespace="http://schemas.microsoft.com/office/2006/documentManagement/types"/>
    <xsd:import namespace="http://schemas.microsoft.com/office/infopath/2007/PartnerControls"/>
    <xsd:element name="ArchiveStatus" ma:index="8" nillable="true" ma:displayName="Arkivstatus" ma:internalName="ArchiveStatus">
      <xsd:simpleType>
        <xsd:restriction base="dms:Text">
          <xsd:maxLength value="255"/>
        </xsd:restriction>
      </xsd:simpleType>
    </xsd:element>
    <xsd:element name="CorpWorkflowApproval" ma:index="9" nillable="true" ma:displayName="Status godkjenning" ma:internalName="CorpWorkflowApproval">
      <xsd:simpleType>
        <xsd:restriction base="dms:Text">
          <xsd:maxLength value="255"/>
        </xsd:restriction>
      </xsd:simpleType>
    </xsd:element>
    <xsd:element name="CorpWorkflowFeedback" ma:index="10" nillable="true" ma:displayName="Status kvalitetssikring" ma:internalName="CorpWorkflowFeedback">
      <xsd:simpleType>
        <xsd:restriction base="dms:Text">
          <xsd:maxLength value="255"/>
        </xsd:restriction>
      </xsd:simpleType>
    </xsd:element>
    <xsd:element name="CorpSiteProjectNumber" ma:index="11" nillable="true" ma:displayName="Prosjektnummer" ma:default="" ma:internalName="CorpSiteProjectNumber">
      <xsd:simpleType>
        <xsd:restriction base="dms:Text">
          <xsd:maxLength value="255"/>
        </xsd:restriction>
      </xsd:simpleType>
    </xsd:element>
    <xsd:element name="CorpSiteProjectName" ma:index="12" nillable="true" ma:displayName="Prosjektnavn" ma:internalName="CorpSiteProjectName">
      <xsd:simpleType>
        <xsd:restriction base="dms:Text">
          <xsd:maxLength value="255"/>
        </xsd:restriction>
      </xsd:simpleType>
    </xsd:element>
    <xsd:element name="CorpSiteSubTitle" ma:index="13" nillable="true" ma:displayName="Undertittel" ma:internalName="CorpSiteSubTitle">
      <xsd:simpleType>
        <xsd:restriction base="dms:Text">
          <xsd:maxLength value="255"/>
        </xsd:restriction>
      </xsd:simpleType>
    </xsd:element>
    <xsd:element name="CorpSiteAccess" ma:index="14" nillable="true" ma:displayName="Lesetilgang" ma:default="Kun navngitte medlemmer" ma:format="Dropdown" ma:internalName="CorpSiteAccess">
      <xsd:simpleType>
        <xsd:restriction base="dms:Choice">
          <xsd:enumeration value="Kun navngitte medlemmer"/>
          <xsd:enumeration value="SINTEF"/>
          <xsd:enumeration value="Institutt"/>
          <xsd:enumeration value="Avdeling"/>
          <xsd:maxLength value="255"/>
        </xsd:restriction>
      </xsd:simpleType>
    </xsd:element>
    <xsd:element name="CorpSiteClassification" ma:index="15" nillable="true" ma:displayName="Gradering" ma:default="Åpen" ma:internalName="CorpSiteClassification">
      <xsd:simpleType>
        <xsd:restriction base="dms:Choice">
          <xsd:enumeration value="Åpen"/>
          <xsd:enumeration value="Fortrolig"/>
          <xsd:enumeration value="Strengt fortrolig"/>
          <xsd:maxLength value="255"/>
        </xsd:restriction>
      </xsd:simpleType>
    </xsd:element>
    <xsd:element name="CorpSiteTags" ma:index="16" nillable="true" ma:displayName="Tags" ma:internalName="CorpSiteTags">
      <xsd:simpleType>
        <xsd:restriction base="dms:Text">
          <xsd:maxLength value="255"/>
        </xsd:restriction>
      </xsd:simpleType>
    </xsd:element>
    <xsd:element name="CorpSiteProjectQA" ma:index="17" nillable="true" ma:displayName="Kvalitestsansvarlig" ma:list="UserInfo" ma:SharePointGroup="0" ma:internalName="CorpSiteProjectQA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Owner" ma:index="18" nillable="true" ma:displayName="Prosjekteier" ma:list="UserInfo" ma:SharePointGroup="0" ma:internalName="CorpSiteProjectOwn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Leader" ma:index="19" nillable="true" ma:displayName="Prosjektleder" ma:list="UserInfo" ma:SharePointGroup="0" ma:internalName="CorpSiteProjectLead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ReportNumber" ma:index="20" nillable="true" ma:displayName="Rapport nummer" ma:internalName="CorpSiteReportNumber">
      <xsd:simpleType>
        <xsd:restriction base="dms:Text">
          <xsd:maxLength value="255"/>
        </xsd:restriction>
      </xsd:simpleType>
    </xsd:element>
    <xsd:element name="CorpSiteISBN" ma:index="21" nillable="true" ma:displayName="ISBN" ma:internalName="CorpSiteISBN">
      <xsd:simpleType>
        <xsd:restriction base="dms:Text">
          <xsd:maxLength value="255"/>
        </xsd:restriction>
      </xsd:simpleType>
    </xsd:element>
    <xsd:element name="CorpSiteCoAuthors" ma:index="22" nillable="true" ma:displayName="Medforfattere" ma:internalName="CorpSiteCoAuthors">
      <xsd:simpleType>
        <xsd:restriction base="dms:Text">
          <xsd:maxLength value="255"/>
        </xsd:restriction>
      </xsd:simpleType>
    </xsd:element>
    <xsd:element name="CorpSiteRecipientCompany" ma:index="23" nillable="true" ma:displayName="Mottakende selskap" ma:internalName="CorpSiteRecipientCompany">
      <xsd:simpleType>
        <xsd:restriction base="dms:Text">
          <xsd:maxLength value="255"/>
        </xsd:restriction>
      </xsd:simpleType>
    </xsd:element>
    <xsd:element name="CorpSiteRecipientPerson" ma:index="24" nillable="true" ma:displayName="Mottakende person" ma:internalName="CorpSiteRecipientPerson">
      <xsd:simpleType>
        <xsd:restriction base="dms:Text">
          <xsd:maxLength value="255"/>
        </xsd:restriction>
      </xsd:simpleType>
    </xsd:element>
    <xsd:element name="CorpSiteOurRef" ma:index="25" nillable="true" ma:displayName="Vår ref" ma:internalName="CorpSiteOurRef">
      <xsd:simpleType>
        <xsd:restriction base="dms:Text">
          <xsd:maxLength value="255"/>
        </xsd:restriction>
      </xsd:simpleType>
    </xsd:element>
    <xsd:element name="CorpSiteDocumentAuthor" ma:index="26" nillable="true" ma:displayName="Hovedforfatter" ma:internalName="CorpSiteDocumentAuthor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ZipAddress" ma:index="27" nillable="true" ma:displayName="Adresse" ma:internalName="CorpSiteZipAddress">
      <xsd:simpleType>
        <xsd:restriction base="dms:Note">
          <xsd:maxLength value="255"/>
        </xsd:restriction>
      </xsd:simpleType>
    </xsd:element>
    <xsd:element name="CorpSiteZipContact" ma:index="28" nillable="true" ma:displayName="Kontakt" ma:internalName="CorpSiteZipContact">
      <xsd:simpleType>
        <xsd:restriction base="dms:Note">
          <xsd:maxLength value="255"/>
        </xsd:restriction>
      </xsd:simpleType>
    </xsd:element>
    <xsd:element name="CorpSiteVATNumber" ma:index="29" nillable="true" ma:displayName="Foretaksnummer" ma:internalName="CorpSiteVATNumber">
      <xsd:simpleType>
        <xsd:restriction base="dms:Text">
          <xsd:maxLength value="255"/>
        </xsd:restriction>
      </xsd:simpleType>
    </xsd:element>
    <xsd:element name="CorpSiteInstituteEmail" ma:index="30" nillable="true" ma:displayName="E-post institutt" ma:internalName="CorpSiteInstituteEmail">
      <xsd:simpleType>
        <xsd:restriction base="dms:Text">
          <xsd:maxLength value="255"/>
        </xsd:restriction>
      </xsd:simpleType>
    </xsd:element>
    <xsd:element name="CorpDocPageClassificationNbNo" ma:index="31" nillable="true" ma:displayName="Gradering Denne Siden" ma:default="Åpen" ma:internalName="CorpDocPage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DocClassificationEnUs" ma:index="32" nillable="true" ma:displayName="Classification" ma:default="Unrestricted" ma:internalName="CorpDoc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PageClassificationEnUs" ma:index="33" nillable="true" ma:displayName="Classification This Page" ma:default="Unrestricted" ma:internalName="CorpDocPage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ClassificationNbNo" ma:index="34" nillable="true" ma:displayName="Gradering" ma:default="Åpen" ma:internalName="CorpDoc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SiteInstituteEnUs" ma:index="35" nillable="true" ma:displayName="InstituteEng" ma:internalName="CorpSiteInstituteEnUs">
      <xsd:simpleType>
        <xsd:restriction base="dms:Text">
          <xsd:maxLength value="255"/>
        </xsd:restriction>
      </xsd:simpleType>
    </xsd:element>
    <xsd:element name="CorpSiteInstitutePhone" ma:index="36" nillable="true" ma:displayName="Institutt telefon" ma:internalName="CorpSiteInstitutePhone">
      <xsd:simpleType>
        <xsd:restriction base="dms:Text">
          <xsd:maxLength value="255"/>
        </xsd:restriction>
      </xsd:simpleType>
    </xsd:element>
    <xsd:element name="CorpSiteDocLanguage" ma:index="37" nillable="true" ma:displayName="Språk" ma:internalName="CorpSiteDocLanguage">
      <xsd:simpleType>
        <xsd:restriction base="dms:Text">
          <xsd:maxLength value="255"/>
        </xsd:restriction>
      </xsd:simpleType>
    </xsd:element>
    <xsd:element name="CorpDocInstitute" ma:index="38" nillable="true" ma:displayName="Institutt" ma:internalName="CorpDocInstitute">
      <xsd:simpleType>
        <xsd:restriction base="dms:Text">
          <xsd:maxLength value="255"/>
        </xsd:restriction>
      </xsd:simpleType>
    </xsd:element>
    <xsd:element name="CorpDocVersion" ma:index="39" nillable="true" ma:displayName="Versjon" ma:internalName="CorpDocVersion">
      <xsd:simpleType>
        <xsd:restriction base="dms:Text">
          <xsd:maxLength value="255"/>
        </xsd:restriction>
      </xsd:simpleType>
    </xsd:element>
    <xsd:element name="CorpWorkflowStatus" ma:index="40" nillable="true" ma:displayName="Status arbeidsflyt" ma:internalName="CorpWorkflowStatus">
      <xsd:simpleType>
        <xsd:restriction base="dms:Text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CorpSiteZipContact xmlns="8bbd4995-53b7-43e2-b62f-10947586ac31" xsi:nil="true"/>
    <CorpSiteProjectLeader xmlns="8bbd4995-53b7-43e2-b62f-10947586ac31">
      <UserInfo>
        <DisplayName/>
        <AccountId xsi:nil="true"/>
        <AccountType/>
      </UserInfo>
    </CorpSiteProjectLeader>
    <CorpSiteSubTitle xmlns="8bbd4995-53b7-43e2-b62f-10947586ac31" xsi:nil="true"/>
    <CorpSiteTags xmlns="8bbd4995-53b7-43e2-b62f-10947586ac31" xsi:nil="true"/>
    <CorpSiteISBN xmlns="8bbd4995-53b7-43e2-b62f-10947586ac31" xsi:nil="true"/>
    <CorpWorkflowFeedback xmlns="8bbd4995-53b7-43e2-b62f-10947586ac31" xsi:nil="true"/>
    <CorpSiteAccess xmlns="8bbd4995-53b7-43e2-b62f-10947586ac31">Kun navngitte medlemmer</CorpSiteAccess>
    <CorpSiteRecipientPerson xmlns="8bbd4995-53b7-43e2-b62f-10947586ac31" xsi:nil="true"/>
    <CorpSiteProjectNumber xmlns="8bbd4995-53b7-43e2-b62f-10947586ac31" xsi:nil="true"/>
    <CorpSiteProjectName xmlns="8bbd4995-53b7-43e2-b62f-10947586ac31" xsi:nil="true"/>
    <CorpDocInstitute xmlns="8bbd4995-53b7-43e2-b62f-10947586ac31" xsi:nil="true"/>
    <CorpSiteInstitutePhone xmlns="8bbd4995-53b7-43e2-b62f-10947586ac31" xsi:nil="true"/>
    <CorpSiteProjectOwner xmlns="8bbd4995-53b7-43e2-b62f-10947586ac31">
      <UserInfo>
        <DisplayName/>
        <AccountId xsi:nil="true"/>
        <AccountType/>
      </UserInfo>
    </CorpSiteProjectOwner>
    <CorpDocPageClassificationNbNo xmlns="8bbd4995-53b7-43e2-b62f-10947586ac31">Åpen</CorpDocPageClassificationNbNo>
    <CorpDocClassificationEnUs xmlns="8bbd4995-53b7-43e2-b62f-10947586ac31">Unrestricted</CorpDocClassificationEnUs>
    <CorpDocClassificationNbNo xmlns="8bbd4995-53b7-43e2-b62f-10947586ac31">Åpen</CorpDocClassificationNbNo>
    <CorpWorkflowStatus xmlns="8bbd4995-53b7-43e2-b62f-10947586ac31" xsi:nil="true"/>
    <CorpSiteClassification xmlns="8bbd4995-53b7-43e2-b62f-10947586ac31">Åpen</CorpSiteClassification>
    <CorpSiteInstituteEmail xmlns="8bbd4995-53b7-43e2-b62f-10947586ac31" xsi:nil="true"/>
    <CorpSiteCoAuthors xmlns="8bbd4995-53b7-43e2-b62f-10947586ac31" xsi:nil="true"/>
    <CorpSiteDocumentAuthor xmlns="8bbd4995-53b7-43e2-b62f-10947586ac31">
      <UserInfo>
        <DisplayName/>
        <AccountId xsi:nil="true"/>
        <AccountType/>
      </UserInfo>
    </CorpSiteDocumentAuthor>
    <CorpSiteInstituteEnUs xmlns="8bbd4995-53b7-43e2-b62f-10947586ac31" xsi:nil="true"/>
    <CorpSiteRecipientCompany xmlns="8bbd4995-53b7-43e2-b62f-10947586ac31" xsi:nil="true"/>
    <CorpSiteDocLanguage xmlns="8bbd4995-53b7-43e2-b62f-10947586ac31" xsi:nil="true"/>
    <CorpDocVersion xmlns="8bbd4995-53b7-43e2-b62f-10947586ac31" xsi:nil="true"/>
    <CorpWorkflowApproval xmlns="8bbd4995-53b7-43e2-b62f-10947586ac31" xsi:nil="true"/>
    <ArchiveStatus xmlns="8bbd4995-53b7-43e2-b62f-10947586ac31" xsi:nil="true"/>
    <CorpSiteProjectQA xmlns="8bbd4995-53b7-43e2-b62f-10947586ac31">
      <UserInfo>
        <DisplayName/>
        <AccountId xsi:nil="true"/>
        <AccountType/>
      </UserInfo>
    </CorpSiteProjectQA>
    <CorpSiteZipAddress xmlns="8bbd4995-53b7-43e2-b62f-10947586ac31" xsi:nil="true"/>
    <CorpSiteVATNumber xmlns="8bbd4995-53b7-43e2-b62f-10947586ac31" xsi:nil="true"/>
    <CorpSiteReportNumber xmlns="8bbd4995-53b7-43e2-b62f-10947586ac31" xsi:nil="true"/>
    <CorpSiteOurRef xmlns="8bbd4995-53b7-43e2-b62f-10947586ac31" xsi:nil="true"/>
    <CorpDocPageClassificationEnUs xmlns="8bbd4995-53b7-43e2-b62f-10947586ac31">Unrestricted</CorpDocPageClassificationEnUs>
  </documentManagement>
</p:properties>
</file>

<file path=customXml/itemProps1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48EAE438-ED8D-4396-B339-D292A383C18B}">
  <ds:schemaRefs>
    <ds:schemaRef ds:uri="8bbd4995-53b7-43e2-b62f-10947586ac31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0645A9D7-53BF-4F8A-B6A3-75E888763AAB}">
  <ds:schemaRefs>
    <ds:schemaRef ds:uri="8bbd4995-53b7-43e2-b62f-10947586ac31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0</TotalTime>
  <Words>908</Words>
  <Application>Microsoft Office PowerPoint</Application>
  <PresentationFormat>Widescreen</PresentationFormat>
  <Paragraphs>141</Paragraphs>
  <Slides>16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0</vt:i4>
      </vt:variant>
      <vt:variant>
        <vt:lpstr>Slide Titles</vt:lpstr>
      </vt:variant>
      <vt:variant>
        <vt:i4>16</vt:i4>
      </vt:variant>
    </vt:vector>
  </HeadingPairs>
  <TitlesOfParts>
    <vt:vector size="34" baseType="lpstr">
      <vt:lpstr>Arial</vt:lpstr>
      <vt:lpstr>Calibri</vt:lpstr>
      <vt:lpstr>Calibri Light</vt:lpstr>
      <vt:lpstr>Cambria Math</vt:lpstr>
      <vt:lpstr>Courier New</vt:lpstr>
      <vt:lpstr>Symbol</vt:lpstr>
      <vt:lpstr>Times New Roman</vt:lpstr>
      <vt:lpstr>Wingdings</vt:lpstr>
      <vt:lpstr>Uten bunnlinje</vt:lpstr>
      <vt:lpstr>Med blå bunnlinje</vt:lpstr>
      <vt:lpstr>Uten bunnline (Blå)</vt:lpstr>
      <vt:lpstr>Med mørk grønn bunnlinje</vt:lpstr>
      <vt:lpstr>Med grønn bunnlinje</vt:lpstr>
      <vt:lpstr>Med gul bunnlinje</vt:lpstr>
      <vt:lpstr>Kapitteldeler</vt:lpstr>
      <vt:lpstr>1_Uten bunnlinje</vt:lpstr>
      <vt:lpstr>SINTEF Lys</vt:lpstr>
      <vt:lpstr>2_Uten bunnlinje</vt:lpstr>
      <vt:lpstr>Verdien av vann</vt:lpstr>
      <vt:lpstr>Introduksjon</vt:lpstr>
      <vt:lpstr>Markedskryss - teoretisk</vt:lpstr>
      <vt:lpstr>Markedskryss i realiteten (Norden)</vt:lpstr>
      <vt:lpstr>Hva er marginalkostnad for vannkraft?</vt:lpstr>
      <vt:lpstr>Variasjon i vær</vt:lpstr>
      <vt:lpstr>PowerPoint Presentation</vt:lpstr>
      <vt:lpstr>Vannverdimetoden</vt:lpstr>
      <vt:lpstr>Mathematic formulation of the water value method as a stochastic optimisation problem</vt:lpstr>
      <vt:lpstr>Prosessen av vannverdiberegning</vt:lpstr>
      <vt:lpstr>Optimal strategi - kort forklart</vt:lpstr>
      <vt:lpstr>Ikke optimal ressursutnyttelse kan ha stor samfunnsøkonomiske konsekvenser</vt:lpstr>
      <vt:lpstr>Eksogene effekter på nordiske kraftpriser</vt:lpstr>
      <vt:lpstr>Magasindisponering Før og etter energiloven</vt:lpstr>
      <vt:lpstr>Viktige momenter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tefan Jaehnert</dc:creator>
  <cp:lastModifiedBy>Stefan Jaehnert</cp:lastModifiedBy>
  <cp:revision>1</cp:revision>
  <dcterms:created xsi:type="dcterms:W3CDTF">2022-04-21T10:28:06Z</dcterms:created>
  <dcterms:modified xsi:type="dcterms:W3CDTF">2022-04-24T20:55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1B82B69D2361148B4D8F7EC156802130300AD187C59D7CF014CB629A15C3A2CE601</vt:lpwstr>
  </property>
  <property fmtid="{D5CDD505-2E9C-101B-9397-08002B2CF9AE}" pid="3" name="TemplafyTimeStamp">
    <vt:lpwstr>2021-11-10T08:46:56.3312019Z</vt:lpwstr>
  </property>
  <property fmtid="{D5CDD505-2E9C-101B-9397-08002B2CF9AE}" pid="4" name="CustomerId">
    <vt:lpwstr>sintef</vt:lpwstr>
  </property>
  <property fmtid="{D5CDD505-2E9C-101B-9397-08002B2CF9AE}" pid="5" name="TemplateId">
    <vt:lpwstr>637469247407135749</vt:lpwstr>
  </property>
  <property fmtid="{D5CDD505-2E9C-101B-9397-08002B2CF9AE}" pid="6" name="UserProfileId">
    <vt:lpwstr>637181319221340688</vt:lpwstr>
  </property>
</Properties>
</file>